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C:\Users\s139588\Desktop\"/>
    </mc:Choice>
  </mc:AlternateContent>
  <bookViews>
    <workbookView xWindow="0" yWindow="0" windowWidth="15345" windowHeight="4455" activeTab="1"/>
  </bookViews>
  <sheets>
    <sheet name="記入用" sheetId="1" r:id="rId1"/>
    <sheet name="記入例" sheetId="5" r:id="rId2"/>
    <sheet name="27項目" sheetId="2" r:id="rId3"/>
  </sheets>
  <definedNames>
    <definedName name="_xlnm.Print_Area" localSheetId="0">記入用!$A$1:$H$37</definedName>
  </definedNames>
  <calcPr calcId="145621"/>
</workbook>
</file>

<file path=xl/sharedStrings.xml><?xml version="1.0" encoding="utf-8"?>
<sst xmlns="http://schemas.openxmlformats.org/spreadsheetml/2006/main" count="141" uniqueCount="72">
  <si>
    <t>(3)言語の形成と活用に関すること</t>
  </si>
  <si>
    <t>(4)感覚を総合的に活用した周囲の状況についての把握と状況に応じた行動に関すること</t>
  </si>
  <si>
    <t>心理的な安定</t>
    <rPh sb="0" eb="3">
      <t>シンリテキ</t>
    </rPh>
    <rPh sb="4" eb="6">
      <t>アンテイ</t>
    </rPh>
    <phoneticPr fontId="1"/>
  </si>
  <si>
    <t>記入者（　　　　　　　　　　　　　　　　　　　）</t>
    <rPh sb="0" eb="3">
      <t>キニュウシャ</t>
    </rPh>
    <phoneticPr fontId="1"/>
  </si>
  <si>
    <t>(3)自己の理解と行動の調整に関すること</t>
  </si>
  <si>
    <t>６．コミュニケーション</t>
  </si>
  <si>
    <t>(3)身体各部の状態の理解と養護に関すること</t>
  </si>
  <si>
    <t>(5)状況に応じたコミュニケーションに関すること</t>
  </si>
  <si>
    <t>(1)コミュニケーションの基礎的能力に関すること</t>
  </si>
  <si>
    <t>(5)作業に必要な動作と円滑な遂行に関すること</t>
  </si>
  <si>
    <t>(2)病気の状態の理解と生活管理に関すること</t>
  </si>
  <si>
    <t>項目の選定</t>
    <rPh sb="0" eb="2">
      <t>コウモク</t>
    </rPh>
    <rPh sb="3" eb="5">
      <t>センテイ</t>
    </rPh>
    <phoneticPr fontId="1"/>
  </si>
  <si>
    <t>（場面）
・日常生活の指導
・朝の運動、体育
・給食　　　　　　　ほか
・</t>
    <rPh sb="1" eb="3">
      <t>バメン</t>
    </rPh>
    <rPh sb="6" eb="8">
      <t>ニチジョウ</t>
    </rPh>
    <rPh sb="8" eb="10">
      <t>セイカツ</t>
    </rPh>
    <rPh sb="11" eb="13">
      <t>シドウ</t>
    </rPh>
    <rPh sb="15" eb="16">
      <t>アサ</t>
    </rPh>
    <rPh sb="17" eb="19">
      <t>ウンドウ</t>
    </rPh>
    <rPh sb="20" eb="22">
      <t>タイイク</t>
    </rPh>
    <rPh sb="24" eb="26">
      <t>キュウショク</t>
    </rPh>
    <phoneticPr fontId="1"/>
  </si>
  <si>
    <t>３．人間関係の形成</t>
    <rPh sb="2" eb="4">
      <t>ニンゲン</t>
    </rPh>
    <rPh sb="4" eb="6">
      <t>カンケイ</t>
    </rPh>
    <rPh sb="7" eb="9">
      <t>ケイセイ</t>
    </rPh>
    <phoneticPr fontId="1"/>
  </si>
  <si>
    <t>(2)言語の受容と表出に関すること</t>
  </si>
  <si>
    <t>具体的な指導内容と場面</t>
    <rPh sb="0" eb="3">
      <t>グタイテキ</t>
    </rPh>
    <rPh sb="4" eb="6">
      <t>シドウ</t>
    </rPh>
    <rPh sb="6" eb="8">
      <t>ナイヨウ</t>
    </rPh>
    <rPh sb="9" eb="11">
      <t>バメン</t>
    </rPh>
    <phoneticPr fontId="1"/>
  </si>
  <si>
    <t>(2)姿勢保持と運動・動作の補助的手段の活用に関すること</t>
  </si>
  <si>
    <t>・</t>
  </si>
  <si>
    <t>５．身体の動き</t>
    <rPh sb="2" eb="4">
      <t>シンタイ</t>
    </rPh>
    <rPh sb="5" eb="6">
      <t>ウゴ</t>
    </rPh>
    <phoneticPr fontId="1"/>
  </si>
  <si>
    <t>(4)コミュニケーション手段の選択と活用に関すること</t>
  </si>
  <si>
    <t>(5)健康状態の維持・改善に関すること</t>
  </si>
  <si>
    <t>長期目標</t>
    <rPh sb="0" eb="2">
      <t>チョウキ</t>
    </rPh>
    <rPh sb="2" eb="4">
      <t>モクヒョウ</t>
    </rPh>
    <phoneticPr fontId="1"/>
  </si>
  <si>
    <t>身体の動き</t>
    <rPh sb="0" eb="2">
      <t>シンタイ</t>
    </rPh>
    <rPh sb="3" eb="4">
      <t>ウゴ</t>
    </rPh>
    <phoneticPr fontId="1"/>
  </si>
  <si>
    <t>(3)日常生活に必要な基本動作に関すること</t>
  </si>
  <si>
    <t>(2）感覚や認知の特性についての理解と対応に関すること</t>
  </si>
  <si>
    <t>(2)状況の理解と変化への対応に関すること</t>
  </si>
  <si>
    <t>(1)情緒の安定に関すること</t>
  </si>
  <si>
    <t>コミュニケーション</t>
  </si>
  <si>
    <t>（　小　・　中　・　高　）　学部　　　　（　　　）　年　（　　　）　組　　　名前（　　　　　　　　　　　　　　　　　　　　　　　）</t>
    <rPh sb="2" eb="3">
      <t>ショウ</t>
    </rPh>
    <rPh sb="6" eb="7">
      <t>チュウ</t>
    </rPh>
    <rPh sb="10" eb="11">
      <t>コウ</t>
    </rPh>
    <rPh sb="26" eb="27">
      <t>ネン</t>
    </rPh>
    <rPh sb="34" eb="35">
      <t>クミ</t>
    </rPh>
    <phoneticPr fontId="1"/>
  </si>
  <si>
    <t>(4)集団への参加の基礎に関すること</t>
  </si>
  <si>
    <t>(1)姿勢と運動・動作の基本的技能に関すること</t>
  </si>
  <si>
    <t>(1)生活のリズムや生活習慣の形成に関すること</t>
  </si>
  <si>
    <t>(2)他者の意図や感情の理解に関すること</t>
  </si>
  <si>
    <t>・言葉によるコミュニケーションがスムーズになる。</t>
    <rPh sb="1" eb="3">
      <t>コトバ</t>
    </rPh>
    <phoneticPr fontId="1"/>
  </si>
  <si>
    <t>人間関係の形成</t>
    <rPh sb="0" eb="2">
      <t>ニンゲン</t>
    </rPh>
    <rPh sb="2" eb="4">
      <t>カンケイ</t>
    </rPh>
    <rPh sb="5" eb="7">
      <t>ケイセイ</t>
    </rPh>
    <phoneticPr fontId="1"/>
  </si>
  <si>
    <t>(5)認知や行動の手掛かりとなる概念の形成に関すること</t>
  </si>
  <si>
    <t>(4)障害の特性の理解と生活環境の調整に関すること</t>
  </si>
  <si>
    <t>・情緒の安定を保って生活が送られるようになる。</t>
    <rPh sb="1" eb="3">
      <t>ジョウチョ</t>
    </rPh>
    <rPh sb="4" eb="6">
      <t>アンテイ</t>
    </rPh>
    <rPh sb="7" eb="8">
      <t>タモ</t>
    </rPh>
    <rPh sb="10" eb="12">
      <t>セイカツ</t>
    </rPh>
    <rPh sb="13" eb="14">
      <t>オク</t>
    </rPh>
    <phoneticPr fontId="1"/>
  </si>
  <si>
    <t>障害の状態、発達や経験の程度など、課題となることについての情報整理</t>
    <rPh sb="17" eb="19">
      <t>カダイ</t>
    </rPh>
    <rPh sb="31" eb="33">
      <t>セイリ</t>
    </rPh>
    <phoneticPr fontId="1"/>
  </si>
  <si>
    <t>指導目標を達成するために必要な項目の選定</t>
    <rPh sb="0" eb="2">
      <t>シドウ</t>
    </rPh>
    <rPh sb="2" eb="4">
      <t>モクヒョウ</t>
    </rPh>
    <rPh sb="5" eb="7">
      <t>タッセイ</t>
    </rPh>
    <rPh sb="12" eb="14">
      <t>ヒツヨウ</t>
    </rPh>
    <rPh sb="15" eb="17">
      <t>コウモク</t>
    </rPh>
    <rPh sb="18" eb="20">
      <t>センテイ</t>
    </rPh>
    <phoneticPr fontId="1"/>
  </si>
  <si>
    <t>(1)他者との関わりの基礎に関すること</t>
  </si>
  <si>
    <t>健康の保持</t>
    <rPh sb="0" eb="2">
      <t>ケンコウ</t>
    </rPh>
    <rPh sb="3" eb="5">
      <t>ホジ</t>
    </rPh>
    <phoneticPr fontId="1"/>
  </si>
  <si>
    <t>1．健康の保持</t>
    <rPh sb="2" eb="4">
      <t>ケンコウ</t>
    </rPh>
    <rPh sb="5" eb="7">
      <t>ホジ</t>
    </rPh>
    <phoneticPr fontId="1"/>
  </si>
  <si>
    <t>実態の把握</t>
    <rPh sb="0" eb="2">
      <t>ジッタイ</t>
    </rPh>
    <rPh sb="3" eb="5">
      <t>ハアク</t>
    </rPh>
    <phoneticPr fontId="1"/>
  </si>
  <si>
    <t>(3)感覚の補助及び代行手段の活用に関すること</t>
  </si>
  <si>
    <t>２．心理的な安定</t>
    <rPh sb="2" eb="5">
      <t>シンリテキ</t>
    </rPh>
    <rPh sb="6" eb="8">
      <t>アンテイ</t>
    </rPh>
    <phoneticPr fontId="1"/>
  </si>
  <si>
    <t>(4)身体の移動能力に関すること</t>
  </si>
  <si>
    <t>４．環境の把握</t>
    <rPh sb="2" eb="4">
      <t>カンキョウ</t>
    </rPh>
    <rPh sb="5" eb="7">
      <t>ハアク</t>
    </rPh>
    <phoneticPr fontId="1"/>
  </si>
  <si>
    <t>環境の把握</t>
    <rPh sb="0" eb="2">
      <t>カンキョウ</t>
    </rPh>
    <rPh sb="3" eb="5">
      <t>ハアク</t>
    </rPh>
    <phoneticPr fontId="1"/>
  </si>
  <si>
    <t>(1)保有する感覚の活用に関すること</t>
  </si>
  <si>
    <t>(3)障害による学習上又は生活上の困難を改善・克服する意欲に関すること</t>
  </si>
  <si>
    <t>・
・
・</t>
    <phoneticPr fontId="1"/>
  </si>
  <si>
    <t>・</t>
    <phoneticPr fontId="1"/>
  </si>
  <si>
    <t>・
・
・</t>
    <phoneticPr fontId="1"/>
  </si>
  <si>
    <r>
      <rPr>
        <sz val="9"/>
        <color theme="1"/>
        <rFont val="ＭＳ Ｐゴシック"/>
        <family val="3"/>
        <charset val="128"/>
      </rPr>
      <t xml:space="preserve">（場面）
・
・
</t>
    </r>
    <r>
      <rPr>
        <sz val="10"/>
        <color theme="1"/>
        <rFont val="ＭＳ Ｐゴシック"/>
        <family val="3"/>
        <charset val="128"/>
      </rPr>
      <t>・</t>
    </r>
    <rPh sb="1" eb="3">
      <t>バメン</t>
    </rPh>
    <phoneticPr fontId="1"/>
  </si>
  <si>
    <t>　</t>
    <phoneticPr fontId="1"/>
  </si>
  <si>
    <t>・週明けに不安定になる。
・初めての事に強い抵抗を示す。
・不安定になるとなかなか切り替えられない。</t>
    <rPh sb="1" eb="3">
      <t>シュウア</t>
    </rPh>
    <rPh sb="5" eb="8">
      <t>フアンテイ</t>
    </rPh>
    <rPh sb="15" eb="16">
      <t>ハジ</t>
    </rPh>
    <rPh sb="19" eb="20">
      <t>コト</t>
    </rPh>
    <rPh sb="21" eb="22">
      <t>ツヨ</t>
    </rPh>
    <rPh sb="23" eb="25">
      <t>テイコウ</t>
    </rPh>
    <rPh sb="26" eb="27">
      <t>シメ</t>
    </rPh>
    <rPh sb="32" eb="35">
      <t>フアンテイ</t>
    </rPh>
    <rPh sb="43" eb="44">
      <t>キ</t>
    </rPh>
    <rPh sb="45" eb="46">
      <t>カ</t>
    </rPh>
    <phoneticPr fontId="1"/>
  </si>
  <si>
    <t>・女性の教師との関係づくりが苦手で攻撃的になる。
・相手の意図や思いを理解するのが苦手。
・集団や大きな音が苦手。</t>
    <rPh sb="17" eb="20">
      <t>コウゲキテキ</t>
    </rPh>
    <rPh sb="48" eb="50">
      <t>シュウダン</t>
    </rPh>
    <rPh sb="51" eb="52">
      <t>オオ</t>
    </rPh>
    <rPh sb="54" eb="55">
      <t>オト</t>
    </rPh>
    <rPh sb="56" eb="58">
      <t>ニガテ</t>
    </rPh>
    <phoneticPr fontId="1"/>
  </si>
  <si>
    <t>・季節の変わり目に衣服の調節がしにくい。
・体重の増加傾向あり。
・水分を多く摂り過ぎてしまう。</t>
    <rPh sb="1" eb="3">
      <t>キセツ</t>
    </rPh>
    <rPh sb="4" eb="5">
      <t>カ</t>
    </rPh>
    <rPh sb="7" eb="8">
      <t>メ</t>
    </rPh>
    <rPh sb="9" eb="11">
      <t>イフク</t>
    </rPh>
    <rPh sb="12" eb="14">
      <t>チョウセツ</t>
    </rPh>
    <rPh sb="23" eb="25">
      <t>タイジュウ</t>
    </rPh>
    <rPh sb="26" eb="28">
      <t>ゾウカ</t>
    </rPh>
    <rPh sb="28" eb="30">
      <t>ケイコウ</t>
    </rPh>
    <rPh sb="36" eb="38">
      <t>スイブン</t>
    </rPh>
    <rPh sb="39" eb="40">
      <t>オオ</t>
    </rPh>
    <rPh sb="41" eb="42">
      <t>ト</t>
    </rPh>
    <rPh sb="43" eb="44">
      <t>ス</t>
    </rPh>
    <phoneticPr fontId="1"/>
  </si>
  <si>
    <t>・協調的な動きを伴う粗大運動が苦手である。
・手先を使った細かい作業が苦手である。
・イス座位の姿勢保持が困難。</t>
    <rPh sb="1" eb="3">
      <t>キョウチョウ</t>
    </rPh>
    <rPh sb="3" eb="4">
      <t>テキ</t>
    </rPh>
    <rPh sb="5" eb="6">
      <t>ウゴ</t>
    </rPh>
    <rPh sb="8" eb="9">
      <t>トモナ</t>
    </rPh>
    <rPh sb="10" eb="12">
      <t>ソダイ</t>
    </rPh>
    <rPh sb="12" eb="14">
      <t>ウンドウ</t>
    </rPh>
    <rPh sb="15" eb="17">
      <t>ニガテ</t>
    </rPh>
    <rPh sb="24" eb="26">
      <t>テサキ</t>
    </rPh>
    <rPh sb="27" eb="28">
      <t>ツカ</t>
    </rPh>
    <rPh sb="30" eb="31">
      <t>コマ</t>
    </rPh>
    <rPh sb="33" eb="35">
      <t>サギョウ</t>
    </rPh>
    <rPh sb="36" eb="38">
      <t>ニガテ</t>
    </rPh>
    <rPh sb="47" eb="49">
      <t>ザイ</t>
    </rPh>
    <rPh sb="50" eb="52">
      <t>シセイ</t>
    </rPh>
    <rPh sb="52" eb="54">
      <t>ホジ</t>
    </rPh>
    <rPh sb="55" eb="57">
      <t>コンナン</t>
    </rPh>
    <phoneticPr fontId="1"/>
  </si>
  <si>
    <t>・他の生徒のこだわりや行動特性に過剰に反応する。
・時間を捉えるのが苦手で、活動に見通しを持ちにくい。
・数量の概念獲得は乏しい。</t>
    <rPh sb="27" eb="29">
      <t>ジカン</t>
    </rPh>
    <rPh sb="30" eb="31">
      <t>トラ</t>
    </rPh>
    <rPh sb="35" eb="37">
      <t>ニガテ</t>
    </rPh>
    <rPh sb="39" eb="41">
      <t>カツドウ</t>
    </rPh>
    <rPh sb="42" eb="44">
      <t>ミトオ</t>
    </rPh>
    <rPh sb="46" eb="47">
      <t>モ</t>
    </rPh>
    <rPh sb="55" eb="57">
      <t>スウリョウ</t>
    </rPh>
    <rPh sb="58" eb="60">
      <t>ガイネン</t>
    </rPh>
    <rPh sb="60" eb="62">
      <t>カクトク</t>
    </rPh>
    <rPh sb="63" eb="64">
      <t>トボ</t>
    </rPh>
    <phoneticPr fontId="1"/>
  </si>
  <si>
    <t>・音声言語による質問の理解が困難。
・誤った言葉の使い方や独特の言い回しをする。
・２語文の使用は限定的。</t>
    <rPh sb="20" eb="21">
      <t>アヤマ</t>
    </rPh>
    <rPh sb="23" eb="25">
      <t>コトバ</t>
    </rPh>
    <rPh sb="45" eb="46">
      <t>ゴ</t>
    </rPh>
    <rPh sb="46" eb="47">
      <t>ブン</t>
    </rPh>
    <rPh sb="48" eb="50">
      <t>シヨウ</t>
    </rPh>
    <rPh sb="51" eb="54">
      <t>ゲンテイテキ</t>
    </rPh>
    <phoneticPr fontId="1"/>
  </si>
  <si>
    <t>・活動に取り組ませる際は、見通しが持ちやすいように視覚的に流れや手順が分かるようなシートやタイムタイマーなどの支援ツールを活用する。
・主担任との関係が安定したら、少しずつ他の教師との関わりをもつ場面を広げていく。
・学習グループの人数は多すぎないように配慮し、不安定になった時には、一時的に場を離れクールダウンを図る。</t>
    <rPh sb="1" eb="3">
      <t>カツドウ</t>
    </rPh>
    <rPh sb="4" eb="5">
      <t>ト</t>
    </rPh>
    <rPh sb="6" eb="7">
      <t>ク</t>
    </rPh>
    <rPh sb="10" eb="11">
      <t>サイ</t>
    </rPh>
    <rPh sb="13" eb="15">
      <t>ミトオ</t>
    </rPh>
    <rPh sb="17" eb="18">
      <t>モ</t>
    </rPh>
    <rPh sb="25" eb="28">
      <t>シカクテキ</t>
    </rPh>
    <rPh sb="29" eb="30">
      <t>ナガ</t>
    </rPh>
    <rPh sb="32" eb="34">
      <t>テジュン</t>
    </rPh>
    <rPh sb="35" eb="36">
      <t>ワ</t>
    </rPh>
    <rPh sb="55" eb="57">
      <t>シエン</t>
    </rPh>
    <rPh sb="61" eb="63">
      <t>カツヨウ</t>
    </rPh>
    <rPh sb="69" eb="70">
      <t>シュ</t>
    </rPh>
    <rPh sb="70" eb="72">
      <t>タンニン</t>
    </rPh>
    <rPh sb="74" eb="76">
      <t>カンケイ</t>
    </rPh>
    <rPh sb="77" eb="79">
      <t>アンテイ</t>
    </rPh>
    <rPh sb="83" eb="84">
      <t>スコ</t>
    </rPh>
    <rPh sb="87" eb="88">
      <t>ホカ</t>
    </rPh>
    <rPh sb="89" eb="91">
      <t>キョウシ</t>
    </rPh>
    <rPh sb="93" eb="94">
      <t>カカ</t>
    </rPh>
    <rPh sb="99" eb="101">
      <t>バメン</t>
    </rPh>
    <rPh sb="102" eb="103">
      <t>ヒロ</t>
    </rPh>
    <rPh sb="111" eb="113">
      <t>ガクシュウ</t>
    </rPh>
    <rPh sb="118" eb="120">
      <t>ニンズウ</t>
    </rPh>
    <rPh sb="121" eb="122">
      <t>オオ</t>
    </rPh>
    <rPh sb="129" eb="131">
      <t>ハイリョ</t>
    </rPh>
    <rPh sb="133" eb="136">
      <t>フアンテイ</t>
    </rPh>
    <rPh sb="140" eb="141">
      <t>トキ</t>
    </rPh>
    <rPh sb="144" eb="147">
      <t>イチジテキ</t>
    </rPh>
    <rPh sb="148" eb="149">
      <t>バ</t>
    </rPh>
    <rPh sb="150" eb="151">
      <t>ハナ</t>
    </rPh>
    <rPh sb="159" eb="160">
      <t>ハカ</t>
    </rPh>
    <phoneticPr fontId="1"/>
  </si>
  <si>
    <t>・他者の行動の意図や背景を理解し、受け入れられるようにイラスト等を活用して説明する。
・視覚的な手掛かりを活用しながら、音声による指示を聞き取るトレーニングを行う。
・２語文の活用を広げる。
・平仮名の読み書きや数量の学習を行う。</t>
    <rPh sb="1" eb="3">
      <t>タシャ</t>
    </rPh>
    <rPh sb="4" eb="6">
      <t>コウドウ</t>
    </rPh>
    <rPh sb="7" eb="9">
      <t>イト</t>
    </rPh>
    <rPh sb="10" eb="12">
      <t>ハイケイ</t>
    </rPh>
    <rPh sb="13" eb="15">
      <t>リカイ</t>
    </rPh>
    <rPh sb="17" eb="18">
      <t>ウ</t>
    </rPh>
    <rPh sb="19" eb="20">
      <t>イ</t>
    </rPh>
    <rPh sb="31" eb="32">
      <t>ナド</t>
    </rPh>
    <rPh sb="33" eb="35">
      <t>カツヨウ</t>
    </rPh>
    <rPh sb="37" eb="39">
      <t>セツメイ</t>
    </rPh>
    <rPh sb="45" eb="48">
      <t>シカクテキ</t>
    </rPh>
    <rPh sb="49" eb="51">
      <t>テガ</t>
    </rPh>
    <rPh sb="54" eb="56">
      <t>カツヨウ</t>
    </rPh>
    <rPh sb="61" eb="63">
      <t>オンセイ</t>
    </rPh>
    <rPh sb="66" eb="68">
      <t>シジ</t>
    </rPh>
    <rPh sb="69" eb="70">
      <t>キ</t>
    </rPh>
    <rPh sb="71" eb="72">
      <t>ト</t>
    </rPh>
    <rPh sb="80" eb="81">
      <t>オコナ</t>
    </rPh>
    <rPh sb="87" eb="88">
      <t>ゴ</t>
    </rPh>
    <rPh sb="88" eb="89">
      <t>ブン</t>
    </rPh>
    <rPh sb="90" eb="92">
      <t>カツヨウ</t>
    </rPh>
    <rPh sb="93" eb="94">
      <t>ヒロ</t>
    </rPh>
    <rPh sb="100" eb="103">
      <t>ヒラガナ</t>
    </rPh>
    <rPh sb="104" eb="105">
      <t>ヨ</t>
    </rPh>
    <rPh sb="106" eb="107">
      <t>カ</t>
    </rPh>
    <rPh sb="109" eb="111">
      <t>スウリョウ</t>
    </rPh>
    <rPh sb="112" eb="114">
      <t>ガクシュウ</t>
    </rPh>
    <rPh sb="115" eb="116">
      <t>オコナ</t>
    </rPh>
    <phoneticPr fontId="1"/>
  </si>
  <si>
    <t>（場面）
・自立活動の時間
・日常生活の指導
・国語／数学／　　　　　　　ほか</t>
    <rPh sb="1" eb="3">
      <t>バメン</t>
    </rPh>
    <rPh sb="6" eb="8">
      <t>ジリツ</t>
    </rPh>
    <rPh sb="8" eb="10">
      <t>カツドウ</t>
    </rPh>
    <rPh sb="11" eb="13">
      <t>ジカン</t>
    </rPh>
    <rPh sb="15" eb="17">
      <t>ニチジョウ</t>
    </rPh>
    <rPh sb="17" eb="19">
      <t>セイカツ</t>
    </rPh>
    <rPh sb="20" eb="22">
      <t>シドウ</t>
    </rPh>
    <rPh sb="24" eb="26">
      <t>コクゴ</t>
    </rPh>
    <rPh sb="27" eb="29">
      <t>スウガク</t>
    </rPh>
    <phoneticPr fontId="1"/>
  </si>
  <si>
    <t>（場面）
・日常生活の指導をはじめ学校生活全般
・自立活動の時間
・課題学習／作業学習／国語／ワーク／ライフ／　ほか</t>
    <rPh sb="1" eb="3">
      <t>バメン</t>
    </rPh>
    <rPh sb="6" eb="8">
      <t>ニチジョウ</t>
    </rPh>
    <rPh sb="8" eb="10">
      <t>セイカツ</t>
    </rPh>
    <rPh sb="11" eb="13">
      <t>シドウ</t>
    </rPh>
    <rPh sb="17" eb="19">
      <t>ガッコウ</t>
    </rPh>
    <rPh sb="19" eb="21">
      <t>セイカツ</t>
    </rPh>
    <rPh sb="21" eb="23">
      <t>ゼンパン</t>
    </rPh>
    <rPh sb="25" eb="27">
      <t>ジリツ</t>
    </rPh>
    <rPh sb="27" eb="29">
      <t>カツドウ</t>
    </rPh>
    <rPh sb="30" eb="32">
      <t>ジカン</t>
    </rPh>
    <rPh sb="34" eb="36">
      <t>カダイ</t>
    </rPh>
    <rPh sb="36" eb="38">
      <t>ガクシュウ</t>
    </rPh>
    <rPh sb="39" eb="41">
      <t>サギョウ</t>
    </rPh>
    <rPh sb="41" eb="43">
      <t>ガクシュウ</t>
    </rPh>
    <rPh sb="44" eb="46">
      <t>コクゴ</t>
    </rPh>
    <phoneticPr fontId="1"/>
  </si>
  <si>
    <r>
      <t xml:space="preserve">　　　　　　　　　　　　　　　　　　　「自立活動」の個別の指導計画作成のための手順シート（2022） 　　　　　 　　　　  </t>
    </r>
    <r>
      <rPr>
        <sz val="9"/>
        <color theme="1"/>
        <rFont val="ＭＳ Ｐゴシック"/>
        <family val="3"/>
        <charset val="128"/>
      </rPr>
      <t>（兵庫県立姫路しらさぎ特別支援学校）</t>
    </r>
    <rPh sb="20" eb="22">
      <t>ジリツ</t>
    </rPh>
    <rPh sb="22" eb="24">
      <t>カツドウ</t>
    </rPh>
    <rPh sb="26" eb="28">
      <t>コベツ</t>
    </rPh>
    <rPh sb="29" eb="31">
      <t>シドウ</t>
    </rPh>
    <rPh sb="31" eb="33">
      <t>ケイカク</t>
    </rPh>
    <rPh sb="33" eb="35">
      <t>サクセイ</t>
    </rPh>
    <rPh sb="39" eb="41">
      <t>テジュン</t>
    </rPh>
    <rPh sb="64" eb="66">
      <t>ヒョウゴ</t>
    </rPh>
    <rPh sb="66" eb="68">
      <t>ケンリツ</t>
    </rPh>
    <rPh sb="68" eb="70">
      <t>ヒメジ</t>
    </rPh>
    <rPh sb="74" eb="76">
      <t>トクベツ</t>
    </rPh>
    <rPh sb="76" eb="78">
      <t>シエン</t>
    </rPh>
    <rPh sb="78" eb="80">
      <t>ガッコウ</t>
    </rPh>
    <phoneticPr fontId="1"/>
  </si>
  <si>
    <t>中心的課題に基づいて
設定された長期目標</t>
    <rPh sb="0" eb="3">
      <t>チュウシンテキ</t>
    </rPh>
    <rPh sb="3" eb="5">
      <t>カダイ</t>
    </rPh>
    <rPh sb="6" eb="7">
      <t>モト</t>
    </rPh>
    <rPh sb="11" eb="13">
      <t>セッテイ</t>
    </rPh>
    <rPh sb="16" eb="18">
      <t>チョウキ</t>
    </rPh>
    <rPh sb="18" eb="20">
      <t>モクヒョウ</t>
    </rPh>
    <phoneticPr fontId="1"/>
  </si>
  <si>
    <r>
      <t xml:space="preserve">　　　　　　　　　　　　　　　　　「自立活動」の個別の指導計画作成のための手順シート（2022）  　　　　　　　　  </t>
    </r>
    <r>
      <rPr>
        <sz val="9"/>
        <color theme="1"/>
        <rFont val="ＭＳ Ｐゴシック"/>
        <family val="3"/>
        <charset val="128"/>
      </rPr>
      <t>（兵庫県立姫路しらさぎ特別支援学校）</t>
    </r>
    <rPh sb="18" eb="20">
      <t>ジリツ</t>
    </rPh>
    <rPh sb="20" eb="22">
      <t>カツドウ</t>
    </rPh>
    <rPh sb="24" eb="26">
      <t>コベツ</t>
    </rPh>
    <rPh sb="27" eb="29">
      <t>シドウ</t>
    </rPh>
    <rPh sb="29" eb="31">
      <t>ケイカク</t>
    </rPh>
    <rPh sb="31" eb="33">
      <t>サクセイ</t>
    </rPh>
    <rPh sb="37" eb="39">
      <t>テジュン</t>
    </rPh>
    <rPh sb="61" eb="63">
      <t>ヒョウゴ</t>
    </rPh>
    <rPh sb="63" eb="65">
      <t>ケンリツ</t>
    </rPh>
    <rPh sb="65" eb="67">
      <t>ヒメジ</t>
    </rPh>
    <rPh sb="71" eb="73">
      <t>トクベツ</t>
    </rPh>
    <rPh sb="73" eb="75">
      <t>シエン</t>
    </rPh>
    <rPh sb="75" eb="77">
      <t>ガッコウ</t>
    </rPh>
    <phoneticPr fontId="1"/>
  </si>
  <si>
    <t>・健康に気を付け、すすんで身体を動かすことができるようになる。</t>
    <rPh sb="1" eb="3">
      <t>ケンコウ</t>
    </rPh>
    <rPh sb="4" eb="5">
      <t>キ</t>
    </rPh>
    <rPh sb="6" eb="7">
      <t>ツ</t>
    </rPh>
    <rPh sb="13" eb="15">
      <t>カラダ</t>
    </rPh>
    <rPh sb="16" eb="17">
      <t>ウゴ</t>
    </rPh>
    <phoneticPr fontId="1"/>
  </si>
  <si>
    <t>中心的課題に基づいて
設定された長期目標
（１～３年間）</t>
    <rPh sb="0" eb="3">
      <t>チュウシンテキ</t>
    </rPh>
    <rPh sb="3" eb="5">
      <t>カダイ</t>
    </rPh>
    <rPh sb="6" eb="7">
      <t>モト</t>
    </rPh>
    <rPh sb="11" eb="13">
      <t>セッテイ</t>
    </rPh>
    <rPh sb="16" eb="18">
      <t>チョウキ</t>
    </rPh>
    <rPh sb="18" eb="20">
      <t>モクヒョウ</t>
    </rPh>
    <rPh sb="25" eb="26">
      <t>ネン</t>
    </rPh>
    <rPh sb="26" eb="27">
      <t>カン</t>
    </rPh>
    <phoneticPr fontId="1"/>
  </si>
  <si>
    <t>・気候や天気、気温などについて学習し、衣服の調整ができるようにする。
・望ましい運動量を確保するとともに、楽しく身体を使った活動を取り入れ、気心の知れた教師と活動する。
・食事の質や量について一緒に考える。水分を摂取しすぎないように、１回に飲むべき量を視覚的に分かるように決めておく。</t>
    <rPh sb="1" eb="3">
      <t>キコウ</t>
    </rPh>
    <rPh sb="4" eb="6">
      <t>テンキ</t>
    </rPh>
    <rPh sb="7" eb="9">
      <t>キオン</t>
    </rPh>
    <rPh sb="15" eb="17">
      <t>ガクシュウ</t>
    </rPh>
    <rPh sb="19" eb="21">
      <t>イフク</t>
    </rPh>
    <rPh sb="22" eb="24">
      <t>チョウセイ</t>
    </rPh>
    <rPh sb="37" eb="38">
      <t>ノゾ</t>
    </rPh>
    <rPh sb="41" eb="43">
      <t>ウンドウ</t>
    </rPh>
    <rPh sb="43" eb="44">
      <t>リョウ</t>
    </rPh>
    <rPh sb="45" eb="47">
      <t>カクホ</t>
    </rPh>
    <rPh sb="54" eb="55">
      <t>タノ</t>
    </rPh>
    <rPh sb="57" eb="59">
      <t>シンタイ</t>
    </rPh>
    <rPh sb="60" eb="61">
      <t>ツカ</t>
    </rPh>
    <rPh sb="63" eb="65">
      <t>カツドウ</t>
    </rPh>
    <rPh sb="66" eb="67">
      <t>ト</t>
    </rPh>
    <rPh sb="68" eb="69">
      <t>イ</t>
    </rPh>
    <rPh sb="71" eb="73">
      <t>キゴコロ</t>
    </rPh>
    <rPh sb="74" eb="75">
      <t>シ</t>
    </rPh>
    <rPh sb="77" eb="79">
      <t>キョウシ</t>
    </rPh>
    <rPh sb="80" eb="82">
      <t>カツドウ</t>
    </rPh>
    <rPh sb="88" eb="90">
      <t>ショクジ</t>
    </rPh>
    <rPh sb="91" eb="92">
      <t>シツ</t>
    </rPh>
    <rPh sb="93" eb="94">
      <t>リョウ</t>
    </rPh>
    <rPh sb="98" eb="100">
      <t>イッショ</t>
    </rPh>
    <rPh sb="101" eb="102">
      <t>カンガ</t>
    </rPh>
    <rPh sb="105" eb="107">
      <t>スイブン</t>
    </rPh>
    <rPh sb="108" eb="110">
      <t>セッシュ</t>
    </rPh>
    <rPh sb="120" eb="121">
      <t>カイ</t>
    </rPh>
    <rPh sb="122" eb="123">
      <t>ノ</t>
    </rPh>
    <rPh sb="126" eb="127">
      <t>リョウ</t>
    </rPh>
    <rPh sb="128" eb="131">
      <t>シカクテキ</t>
    </rPh>
    <rPh sb="132" eb="133">
      <t>ワ</t>
    </rPh>
    <rPh sb="138" eb="139">
      <t>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color theme="1"/>
      <name val="ＭＳ Ｐゴシック"/>
    </font>
    <font>
      <sz val="6"/>
      <name val="ＭＳ Ｐゴシック"/>
      <family val="3"/>
      <charset val="128"/>
    </font>
    <font>
      <sz val="9"/>
      <color theme="1"/>
      <name val="ＭＳ Ｐゴシック"/>
      <family val="3"/>
      <charset val="128"/>
    </font>
    <font>
      <b/>
      <sz val="11"/>
      <color theme="1"/>
      <name val="ＭＳ Ｐゴシック"/>
      <family val="3"/>
      <charset val="128"/>
    </font>
    <font>
      <sz val="10"/>
      <color theme="1"/>
      <name val="ＭＳ Ｐゴシック"/>
      <family val="3"/>
      <charset val="128"/>
    </font>
    <font>
      <sz val="11"/>
      <color theme="1"/>
      <name val="ＭＳ Ｐゴシック"/>
      <family val="3"/>
      <charset val="128"/>
    </font>
    <font>
      <sz val="12"/>
      <color theme="1"/>
      <name val="ＭＳ Ｐゴシック"/>
      <family val="3"/>
      <charset val="128"/>
    </font>
  </fonts>
  <fills count="2">
    <fill>
      <patternFill patternType="none"/>
    </fill>
    <fill>
      <patternFill patternType="gray125"/>
    </fill>
  </fills>
  <borders count="21">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rgb="FF000000"/>
      </left>
      <right style="thin">
        <color rgb="FF000000"/>
      </right>
      <top style="thin">
        <color rgb="FF000000"/>
      </top>
      <bottom/>
      <diagonal/>
    </border>
    <border>
      <left style="thin">
        <color rgb="FF000000"/>
      </left>
      <right style="thin">
        <color rgb="FF000000"/>
      </right>
      <top/>
      <bottom/>
      <diagonal/>
    </border>
    <border>
      <left style="thin">
        <color rgb="FF000000"/>
      </left>
      <right style="thin">
        <color rgb="FF000000"/>
      </right>
      <top/>
      <bottom style="thin">
        <color rgb="FF000000"/>
      </bottom>
      <diagonal/>
    </border>
    <border>
      <left style="thin">
        <color rgb="FF000000"/>
      </left>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alignment vertical="center"/>
    </xf>
  </cellStyleXfs>
  <cellXfs count="58">
    <xf numFmtId="0" fontId="0" fillId="0" borderId="0" xfId="0">
      <alignment vertical="center"/>
    </xf>
    <xf numFmtId="0" fontId="0" fillId="0" borderId="0" xfId="0" applyBorder="1" applyAlignment="1">
      <alignment vertical="center"/>
    </xf>
    <xf numFmtId="0" fontId="2" fillId="0" borderId="0" xfId="0" applyFont="1" applyBorder="1" applyAlignment="1">
      <alignment horizontal="center" vertical="center" textRotation="255"/>
    </xf>
    <xf numFmtId="0" fontId="2" fillId="0" borderId="0" xfId="0" applyFont="1" applyBorder="1" applyAlignment="1">
      <alignment vertical="center" textRotation="255"/>
    </xf>
    <xf numFmtId="0" fontId="0" fillId="0" borderId="5" xfId="0" applyBorder="1" applyAlignment="1">
      <alignment horizontal="right" vertical="center"/>
    </xf>
    <xf numFmtId="0" fontId="4" fillId="0" borderId="1" xfId="0" applyFont="1" applyBorder="1" applyAlignment="1">
      <alignment horizontal="center" vertical="center"/>
    </xf>
    <xf numFmtId="0" fontId="0" fillId="0" borderId="0" xfId="0" applyBorder="1" applyAlignment="1">
      <alignment horizontal="center" vertical="center"/>
    </xf>
    <xf numFmtId="0" fontId="2" fillId="0" borderId="0" xfId="0" applyFont="1" applyBorder="1" applyAlignment="1">
      <alignment vertical="center"/>
    </xf>
    <xf numFmtId="0" fontId="4" fillId="0" borderId="2" xfId="0" applyFont="1" applyBorder="1" applyAlignment="1">
      <alignment horizontal="center" vertical="center"/>
    </xf>
    <xf numFmtId="0" fontId="4" fillId="0" borderId="0" xfId="0" applyFont="1" applyBorder="1" applyAlignment="1">
      <alignment vertical="top"/>
    </xf>
    <xf numFmtId="0" fontId="0" fillId="0" borderId="5" xfId="0" applyBorder="1" applyAlignment="1">
      <alignment horizontal="center" vertical="center"/>
    </xf>
    <xf numFmtId="0" fontId="4" fillId="0" borderId="0" xfId="0" applyFont="1">
      <alignment vertical="center"/>
    </xf>
    <xf numFmtId="0" fontId="4" fillId="0" borderId="0" xfId="0" applyFont="1" applyAlignment="1">
      <alignment vertical="center"/>
    </xf>
    <xf numFmtId="0" fontId="4" fillId="0" borderId="18" xfId="0" applyFont="1" applyBorder="1" applyAlignment="1">
      <alignment vertical="center"/>
    </xf>
    <xf numFmtId="0" fontId="4" fillId="0" borderId="19" xfId="0" applyFont="1" applyBorder="1" applyAlignment="1">
      <alignment vertical="center"/>
    </xf>
    <xf numFmtId="0" fontId="4" fillId="0" borderId="20" xfId="0" applyFont="1" applyBorder="1" applyAlignment="1">
      <alignment vertical="center"/>
    </xf>
    <xf numFmtId="0" fontId="6" fillId="0" borderId="0" xfId="0" applyFont="1" applyBorder="1" applyAlignment="1">
      <alignment horizontal="center" vertical="center"/>
    </xf>
    <xf numFmtId="0" fontId="5" fillId="0" borderId="0" xfId="0" applyFont="1">
      <alignment vertical="center"/>
    </xf>
    <xf numFmtId="0" fontId="2" fillId="0" borderId="1" xfId="0" applyFont="1" applyBorder="1" applyAlignment="1">
      <alignment horizontal="center" vertical="center" textRotation="255"/>
    </xf>
    <xf numFmtId="0" fontId="4" fillId="0" borderId="6" xfId="0" applyFont="1" applyBorder="1" applyAlignment="1">
      <alignment horizontal="left" vertical="top" wrapText="1"/>
    </xf>
    <xf numFmtId="0" fontId="4" fillId="0" borderId="10" xfId="0" applyFont="1" applyBorder="1" applyAlignment="1">
      <alignment horizontal="left" vertical="top"/>
    </xf>
    <xf numFmtId="0" fontId="4" fillId="0" borderId="7" xfId="0" applyFont="1" applyBorder="1" applyAlignment="1">
      <alignment horizontal="left" vertical="top"/>
    </xf>
    <xf numFmtId="0" fontId="4" fillId="0" borderId="11" xfId="0" applyFont="1" applyBorder="1" applyAlignment="1">
      <alignment horizontal="left" vertical="top"/>
    </xf>
    <xf numFmtId="0" fontId="4" fillId="0" borderId="8" xfId="0" applyFont="1" applyBorder="1" applyAlignment="1">
      <alignment horizontal="left" vertical="top"/>
    </xf>
    <xf numFmtId="0" fontId="4" fillId="0" borderId="12" xfId="0" applyFont="1" applyBorder="1" applyAlignment="1">
      <alignment horizontal="left" vertical="top"/>
    </xf>
    <xf numFmtId="0" fontId="4" fillId="0" borderId="1" xfId="0" applyFont="1" applyBorder="1" applyAlignment="1">
      <alignment horizontal="left" vertical="top" wrapText="1"/>
    </xf>
    <xf numFmtId="0" fontId="4" fillId="0" borderId="1" xfId="0" applyFont="1" applyBorder="1" applyAlignment="1">
      <alignment horizontal="left" vertical="top"/>
    </xf>
    <xf numFmtId="0" fontId="2" fillId="0" borderId="3" xfId="0" applyFont="1" applyBorder="1" applyAlignment="1">
      <alignment horizontal="left" vertical="top" wrapText="1"/>
    </xf>
    <xf numFmtId="0" fontId="2" fillId="0" borderId="4" xfId="0" applyFont="1" applyBorder="1" applyAlignment="1">
      <alignment horizontal="left" vertical="top" wrapText="1"/>
    </xf>
    <xf numFmtId="0" fontId="2" fillId="0" borderId="7" xfId="0" applyFont="1" applyBorder="1" applyAlignment="1">
      <alignment horizontal="left" vertical="top" wrapText="1"/>
    </xf>
    <xf numFmtId="0" fontId="2" fillId="0" borderId="8" xfId="0" applyFont="1" applyBorder="1" applyAlignment="1">
      <alignment horizontal="left" vertical="top" wrapText="1"/>
    </xf>
    <xf numFmtId="0" fontId="2" fillId="0" borderId="16" xfId="0" applyFont="1" applyBorder="1" applyAlignment="1">
      <alignment horizontal="left" vertical="top" wrapText="1"/>
    </xf>
    <xf numFmtId="0" fontId="2" fillId="0" borderId="17" xfId="0" applyFont="1" applyBorder="1" applyAlignment="1">
      <alignment horizontal="left" vertical="top" wrapText="1"/>
    </xf>
    <xf numFmtId="0" fontId="6" fillId="0" borderId="0" xfId="0" applyFont="1" applyBorder="1" applyAlignment="1">
      <alignment horizontal="center" vertical="center"/>
    </xf>
    <xf numFmtId="0" fontId="2" fillId="0" borderId="2" xfId="0" applyFont="1" applyBorder="1" applyAlignment="1">
      <alignment horizontal="center" vertical="center" textRotation="255"/>
    </xf>
    <xf numFmtId="0" fontId="2" fillId="0" borderId="3" xfId="0" applyFont="1" applyBorder="1" applyAlignment="1">
      <alignment horizontal="center" vertical="center" textRotation="255"/>
    </xf>
    <xf numFmtId="0" fontId="2" fillId="0" borderId="4" xfId="0" applyFont="1" applyBorder="1" applyAlignment="1">
      <alignment horizontal="center" vertical="center" textRotation="255"/>
    </xf>
    <xf numFmtId="0" fontId="4" fillId="0" borderId="1" xfId="0" applyFont="1" applyBorder="1" applyAlignment="1">
      <alignment horizontal="center" vertical="center"/>
    </xf>
    <xf numFmtId="0" fontId="2" fillId="0" borderId="2" xfId="0" applyFont="1" applyBorder="1" applyAlignment="1">
      <alignment horizontal="left" vertical="top" wrapText="1"/>
    </xf>
    <xf numFmtId="0" fontId="2" fillId="0" borderId="6" xfId="0" applyFont="1" applyBorder="1" applyAlignment="1">
      <alignment horizontal="left" vertical="top" wrapText="1"/>
    </xf>
    <xf numFmtId="0" fontId="2" fillId="0" borderId="15" xfId="0" applyFont="1" applyBorder="1" applyAlignment="1">
      <alignment horizontal="left" vertical="top" wrapText="1"/>
    </xf>
    <xf numFmtId="0" fontId="4" fillId="0" borderId="2" xfId="0" applyFont="1" applyBorder="1" applyAlignment="1">
      <alignment horizontal="center" vertical="center" wrapText="1"/>
    </xf>
    <xf numFmtId="0" fontId="4" fillId="0" borderId="3" xfId="0" applyFont="1" applyBorder="1" applyAlignment="1">
      <alignment horizontal="center" vertical="center" wrapText="1"/>
    </xf>
    <xf numFmtId="0" fontId="4" fillId="0" borderId="4" xfId="0" applyFont="1" applyBorder="1" applyAlignment="1">
      <alignment horizontal="center" vertical="center" wrapText="1"/>
    </xf>
    <xf numFmtId="0" fontId="4" fillId="0" borderId="9" xfId="0" applyFont="1" applyBorder="1" applyAlignment="1">
      <alignment horizontal="left" vertical="center"/>
    </xf>
    <xf numFmtId="0" fontId="4" fillId="0" borderId="13" xfId="0" applyFont="1" applyBorder="1" applyAlignment="1">
      <alignment horizontal="left" vertical="center"/>
    </xf>
    <xf numFmtId="0" fontId="4" fillId="0" borderId="14" xfId="0" applyFont="1" applyBorder="1" applyAlignment="1">
      <alignment horizontal="left" vertical="center"/>
    </xf>
    <xf numFmtId="0" fontId="0" fillId="0" borderId="5" xfId="0" applyBorder="1" applyAlignment="1">
      <alignment horizontal="center" vertical="center"/>
    </xf>
    <xf numFmtId="0" fontId="4" fillId="0" borderId="2" xfId="0" applyFont="1" applyBorder="1" applyAlignment="1">
      <alignment horizontal="left" vertical="top" wrapText="1"/>
    </xf>
    <xf numFmtId="0" fontId="4" fillId="0" borderId="3" xfId="0" applyFont="1" applyBorder="1" applyAlignment="1">
      <alignment horizontal="left" vertical="top"/>
    </xf>
    <xf numFmtId="0" fontId="4" fillId="0" borderId="4" xfId="0" applyFont="1" applyBorder="1" applyAlignment="1">
      <alignment horizontal="left" vertical="top"/>
    </xf>
    <xf numFmtId="0" fontId="3" fillId="0" borderId="0" xfId="0" applyFont="1" applyAlignment="1">
      <alignment horizontal="center" vertical="center"/>
    </xf>
    <xf numFmtId="0" fontId="4" fillId="0" borderId="2" xfId="0" applyFont="1" applyBorder="1" applyAlignment="1">
      <alignment horizontal="left" vertical="center" wrapText="1"/>
    </xf>
    <xf numFmtId="0" fontId="4" fillId="0" borderId="3" xfId="0" applyFont="1" applyBorder="1" applyAlignment="1">
      <alignment horizontal="left" vertical="center" wrapText="1"/>
    </xf>
    <xf numFmtId="0" fontId="4" fillId="0" borderId="4" xfId="0" applyFont="1" applyBorder="1" applyAlignment="1">
      <alignment horizontal="left" vertical="center" wrapText="1"/>
    </xf>
    <xf numFmtId="0" fontId="4" fillId="0" borderId="0" xfId="0" applyFont="1" applyAlignment="1">
      <alignment horizontal="left" vertical="center"/>
    </xf>
    <xf numFmtId="0" fontId="4" fillId="0" borderId="9" xfId="0" applyFont="1" applyBorder="1" applyAlignment="1">
      <alignment horizontal="center" vertical="center"/>
    </xf>
    <xf numFmtId="0" fontId="4" fillId="0" borderId="0" xfId="0" applyFont="1" applyFill="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2</xdr:col>
      <xdr:colOff>247650</xdr:colOff>
      <xdr:row>24</xdr:row>
      <xdr:rowOff>114300</xdr:rowOff>
    </xdr:from>
    <xdr:to>
      <xdr:col>2</xdr:col>
      <xdr:colOff>1085215</xdr:colOff>
      <xdr:row>26</xdr:row>
      <xdr:rowOff>114300</xdr:rowOff>
    </xdr:to>
    <xdr:cxnSp macro="">
      <xdr:nvCxnSpPr>
        <xdr:cNvPr id="3" name="直線コネクタ 2"/>
        <xdr:cNvCxnSpPr/>
      </xdr:nvCxnSpPr>
      <xdr:spPr>
        <a:xfrm>
          <a:off x="857250" y="5029200"/>
          <a:ext cx="837565" cy="333375"/>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257300</xdr:colOff>
      <xdr:row>24</xdr:row>
      <xdr:rowOff>76200</xdr:rowOff>
    </xdr:from>
    <xdr:to>
      <xdr:col>3</xdr:col>
      <xdr:colOff>438785</xdr:colOff>
      <xdr:row>26</xdr:row>
      <xdr:rowOff>76200</xdr:rowOff>
    </xdr:to>
    <xdr:cxnSp macro="">
      <xdr:nvCxnSpPr>
        <xdr:cNvPr id="4" name="直線コネクタ 8"/>
        <xdr:cNvCxnSpPr/>
      </xdr:nvCxnSpPr>
      <xdr:spPr>
        <a:xfrm flipH="1">
          <a:off x="1866900" y="4991100"/>
          <a:ext cx="838835" cy="333375"/>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819785</xdr:colOff>
      <xdr:row>24</xdr:row>
      <xdr:rowOff>105410</xdr:rowOff>
    </xdr:from>
    <xdr:to>
      <xdr:col>3</xdr:col>
      <xdr:colOff>0</xdr:colOff>
      <xdr:row>26</xdr:row>
      <xdr:rowOff>105410</xdr:rowOff>
    </xdr:to>
    <xdr:cxnSp macro="">
      <xdr:nvCxnSpPr>
        <xdr:cNvPr id="1025" name="直線コネクタ 2"/>
        <xdr:cNvCxnSpPr/>
      </xdr:nvCxnSpPr>
      <xdr:spPr>
        <a:xfrm>
          <a:off x="1429385" y="5020310"/>
          <a:ext cx="837565" cy="400050"/>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637665</xdr:colOff>
      <xdr:row>24</xdr:row>
      <xdr:rowOff>94615</xdr:rowOff>
    </xdr:from>
    <xdr:to>
      <xdr:col>6</xdr:col>
      <xdr:colOff>819785</xdr:colOff>
      <xdr:row>26</xdr:row>
      <xdr:rowOff>94615</xdr:rowOff>
    </xdr:to>
    <xdr:cxnSp macro="">
      <xdr:nvCxnSpPr>
        <xdr:cNvPr id="1026" name="直線コネクタ 4"/>
        <xdr:cNvCxnSpPr/>
      </xdr:nvCxnSpPr>
      <xdr:spPr>
        <a:xfrm flipH="1">
          <a:off x="2247265" y="5009515"/>
          <a:ext cx="5811520" cy="400050"/>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810260</xdr:colOff>
      <xdr:row>24</xdr:row>
      <xdr:rowOff>114300</xdr:rowOff>
    </xdr:from>
    <xdr:to>
      <xdr:col>5</xdr:col>
      <xdr:colOff>0</xdr:colOff>
      <xdr:row>26</xdr:row>
      <xdr:rowOff>76200</xdr:rowOff>
    </xdr:to>
    <xdr:cxnSp macro="">
      <xdr:nvCxnSpPr>
        <xdr:cNvPr id="1027" name="直線コネクタ 6"/>
        <xdr:cNvCxnSpPr/>
      </xdr:nvCxnSpPr>
      <xdr:spPr>
        <a:xfrm>
          <a:off x="3077210" y="5029200"/>
          <a:ext cx="2504440" cy="361950"/>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647825</xdr:colOff>
      <xdr:row>24</xdr:row>
      <xdr:rowOff>94615</xdr:rowOff>
    </xdr:from>
    <xdr:to>
      <xdr:col>5</xdr:col>
      <xdr:colOff>829310</xdr:colOff>
      <xdr:row>26</xdr:row>
      <xdr:rowOff>94615</xdr:rowOff>
    </xdr:to>
    <xdr:cxnSp macro="">
      <xdr:nvCxnSpPr>
        <xdr:cNvPr id="1028" name="直線コネクタ 8"/>
        <xdr:cNvCxnSpPr/>
      </xdr:nvCxnSpPr>
      <xdr:spPr>
        <a:xfrm flipH="1">
          <a:off x="5572125" y="5009515"/>
          <a:ext cx="838835" cy="400050"/>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819785</xdr:colOff>
      <xdr:row>24</xdr:row>
      <xdr:rowOff>94615</xdr:rowOff>
    </xdr:from>
    <xdr:to>
      <xdr:col>6</xdr:col>
      <xdr:colOff>1637665</xdr:colOff>
      <xdr:row>26</xdr:row>
      <xdr:rowOff>114300</xdr:rowOff>
    </xdr:to>
    <xdr:cxnSp macro="">
      <xdr:nvCxnSpPr>
        <xdr:cNvPr id="1029" name="直線コネクタ 10"/>
        <xdr:cNvCxnSpPr/>
      </xdr:nvCxnSpPr>
      <xdr:spPr>
        <a:xfrm>
          <a:off x="4744085" y="5009515"/>
          <a:ext cx="4132580" cy="419735"/>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1637665</xdr:colOff>
      <xdr:row>24</xdr:row>
      <xdr:rowOff>85725</xdr:rowOff>
    </xdr:from>
    <xdr:to>
      <xdr:col>7</xdr:col>
      <xdr:colOff>819785</xdr:colOff>
      <xdr:row>26</xdr:row>
      <xdr:rowOff>105410</xdr:rowOff>
    </xdr:to>
    <xdr:cxnSp macro="">
      <xdr:nvCxnSpPr>
        <xdr:cNvPr id="1030" name="直線コネクタ 12"/>
        <xdr:cNvCxnSpPr/>
      </xdr:nvCxnSpPr>
      <xdr:spPr>
        <a:xfrm flipH="1">
          <a:off x="8876665" y="5000625"/>
          <a:ext cx="839470" cy="419735"/>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819785</xdr:colOff>
      <xdr:row>24</xdr:row>
      <xdr:rowOff>105410</xdr:rowOff>
    </xdr:from>
    <xdr:to>
      <xdr:col>7</xdr:col>
      <xdr:colOff>9525</xdr:colOff>
      <xdr:row>26</xdr:row>
      <xdr:rowOff>85725</xdr:rowOff>
    </xdr:to>
    <xdr:cxnSp macro="">
      <xdr:nvCxnSpPr>
        <xdr:cNvPr id="1031" name="直線コネクタ 14"/>
        <xdr:cNvCxnSpPr/>
      </xdr:nvCxnSpPr>
      <xdr:spPr>
        <a:xfrm>
          <a:off x="6401435" y="5020310"/>
          <a:ext cx="2504440" cy="380365"/>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819785</xdr:colOff>
      <xdr:row>24</xdr:row>
      <xdr:rowOff>105410</xdr:rowOff>
    </xdr:from>
    <xdr:to>
      <xdr:col>6</xdr:col>
      <xdr:colOff>1638300</xdr:colOff>
      <xdr:row>26</xdr:row>
      <xdr:rowOff>85725</xdr:rowOff>
    </xdr:to>
    <xdr:cxnSp macro="">
      <xdr:nvCxnSpPr>
        <xdr:cNvPr id="1032" name="直線コネクタ 16"/>
        <xdr:cNvCxnSpPr/>
      </xdr:nvCxnSpPr>
      <xdr:spPr>
        <a:xfrm>
          <a:off x="3086735" y="5020310"/>
          <a:ext cx="5790565" cy="380365"/>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647825</xdr:colOff>
      <xdr:row>24</xdr:row>
      <xdr:rowOff>94615</xdr:rowOff>
    </xdr:from>
    <xdr:to>
      <xdr:col>4</xdr:col>
      <xdr:colOff>819785</xdr:colOff>
      <xdr:row>26</xdr:row>
      <xdr:rowOff>85725</xdr:rowOff>
    </xdr:to>
    <xdr:cxnSp macro="">
      <xdr:nvCxnSpPr>
        <xdr:cNvPr id="1033" name="直線コネクタ 18"/>
        <xdr:cNvCxnSpPr/>
      </xdr:nvCxnSpPr>
      <xdr:spPr>
        <a:xfrm flipH="1">
          <a:off x="2257425" y="5009515"/>
          <a:ext cx="2486660" cy="391160"/>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838200</xdr:colOff>
      <xdr:row>24</xdr:row>
      <xdr:rowOff>95250</xdr:rowOff>
    </xdr:from>
    <xdr:to>
      <xdr:col>5</xdr:col>
      <xdr:colOff>19050</xdr:colOff>
      <xdr:row>26</xdr:row>
      <xdr:rowOff>95250</xdr:rowOff>
    </xdr:to>
    <xdr:cxnSp macro="">
      <xdr:nvCxnSpPr>
        <xdr:cNvPr id="13" name="直線コネクタ 14"/>
        <xdr:cNvCxnSpPr/>
      </xdr:nvCxnSpPr>
      <xdr:spPr>
        <a:xfrm>
          <a:off x="4762500" y="5010150"/>
          <a:ext cx="838200" cy="333375"/>
        </a:xfrm>
        <a:prstGeom prst="straightConnector1">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r="100000" b="100000"/>
          </a:path>
          <a:tileRect l="-100000" t="-100000"/>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42"/>
  <sheetViews>
    <sheetView topLeftCell="A22" workbookViewId="0">
      <selection activeCell="C40" sqref="C40"/>
    </sheetView>
  </sheetViews>
  <sheetFormatPr defaultRowHeight="13.5" x14ac:dyDescent="0.15"/>
  <cols>
    <col min="1" max="1" width="4.875" customWidth="1"/>
    <col min="2" max="2" width="3.125" customWidth="1"/>
    <col min="3" max="8" width="21.75" customWidth="1"/>
    <col min="9" max="9" width="3.875" customWidth="1"/>
    <col min="10" max="10" width="5.125" customWidth="1"/>
  </cols>
  <sheetData>
    <row r="1" spans="1:18" ht="15.75" customHeight="1" x14ac:dyDescent="0.15">
      <c r="A1" s="51" t="s">
        <v>66</v>
      </c>
      <c r="B1" s="51"/>
      <c r="C1" s="51"/>
      <c r="D1" s="51"/>
      <c r="E1" s="51"/>
      <c r="F1" s="51"/>
      <c r="G1" s="51"/>
      <c r="H1" s="51"/>
      <c r="R1" s="11"/>
    </row>
    <row r="2" spans="1:18" ht="15.75" customHeight="1" x14ac:dyDescent="0.15">
      <c r="A2" s="1" t="s">
        <v>28</v>
      </c>
      <c r="B2" s="1"/>
      <c r="C2" s="1"/>
      <c r="D2" s="1"/>
      <c r="E2" s="1"/>
      <c r="F2" s="1"/>
      <c r="G2" s="47" t="s">
        <v>3</v>
      </c>
      <c r="H2" s="47"/>
      <c r="R2" s="12"/>
    </row>
    <row r="3" spans="1:18" ht="12.75" customHeight="1" x14ac:dyDescent="0.15">
      <c r="C3" s="4"/>
      <c r="D3" s="4"/>
      <c r="E3" s="4"/>
      <c r="F3" s="4"/>
      <c r="G3" s="10"/>
      <c r="H3" s="10"/>
      <c r="R3" s="12"/>
    </row>
    <row r="4" spans="1:18" ht="15.75" customHeight="1" x14ac:dyDescent="0.15">
      <c r="A4" s="18" t="s">
        <v>43</v>
      </c>
      <c r="C4" s="37" t="s">
        <v>38</v>
      </c>
      <c r="D4" s="37"/>
      <c r="E4" s="37"/>
      <c r="F4" s="37"/>
      <c r="G4" s="37"/>
      <c r="H4" s="37"/>
      <c r="I4" s="1"/>
      <c r="R4" s="12"/>
    </row>
    <row r="5" spans="1:18" ht="15.75" customHeight="1" x14ac:dyDescent="0.15">
      <c r="A5" s="18"/>
      <c r="C5" s="5" t="s">
        <v>41</v>
      </c>
      <c r="D5" s="5" t="s">
        <v>2</v>
      </c>
      <c r="E5" s="5" t="s">
        <v>34</v>
      </c>
      <c r="F5" s="5" t="s">
        <v>48</v>
      </c>
      <c r="G5" s="5" t="s">
        <v>22</v>
      </c>
      <c r="H5" s="5" t="s">
        <v>27</v>
      </c>
      <c r="R5" s="12"/>
    </row>
    <row r="6" spans="1:18" ht="15.75" customHeight="1" x14ac:dyDescent="0.15">
      <c r="A6" s="18"/>
      <c r="C6" s="48" t="s">
        <v>51</v>
      </c>
      <c r="D6" s="48" t="s">
        <v>51</v>
      </c>
      <c r="E6" s="48" t="s">
        <v>51</v>
      </c>
      <c r="F6" s="48" t="s">
        <v>51</v>
      </c>
      <c r="G6" s="48" t="s">
        <v>51</v>
      </c>
      <c r="H6" s="48" t="s">
        <v>51</v>
      </c>
      <c r="R6" s="12"/>
    </row>
    <row r="7" spans="1:18" ht="15.75" customHeight="1" x14ac:dyDescent="0.15">
      <c r="A7" s="18"/>
      <c r="C7" s="49"/>
      <c r="D7" s="49"/>
      <c r="E7" s="49"/>
      <c r="F7" s="49"/>
      <c r="G7" s="49"/>
      <c r="H7" s="49"/>
      <c r="R7" s="11"/>
    </row>
    <row r="8" spans="1:18" ht="15.75" customHeight="1" x14ac:dyDescent="0.15">
      <c r="A8" s="18"/>
      <c r="C8" s="49"/>
      <c r="D8" s="49"/>
      <c r="E8" s="49"/>
      <c r="F8" s="49"/>
      <c r="G8" s="49"/>
      <c r="H8" s="49"/>
      <c r="R8" s="12"/>
    </row>
    <row r="9" spans="1:18" ht="15.75" customHeight="1" x14ac:dyDescent="0.15">
      <c r="A9" s="18"/>
      <c r="C9" s="49"/>
      <c r="D9" s="49"/>
      <c r="E9" s="49"/>
      <c r="F9" s="49"/>
      <c r="G9" s="49"/>
      <c r="H9" s="49"/>
      <c r="R9" s="12"/>
    </row>
    <row r="10" spans="1:18" ht="15.75" customHeight="1" x14ac:dyDescent="0.15">
      <c r="A10" s="18"/>
      <c r="C10" s="49"/>
      <c r="D10" s="49"/>
      <c r="E10" s="49"/>
      <c r="F10" s="49"/>
      <c r="G10" s="49"/>
      <c r="H10" s="49"/>
      <c r="R10" s="12"/>
    </row>
    <row r="11" spans="1:18" ht="15.75" customHeight="1" x14ac:dyDescent="0.15">
      <c r="A11" s="18"/>
      <c r="C11" s="50"/>
      <c r="D11" s="50"/>
      <c r="E11" s="50"/>
      <c r="F11" s="50"/>
      <c r="G11" s="50"/>
      <c r="H11" s="50"/>
      <c r="R11" s="11"/>
    </row>
    <row r="12" spans="1:18" ht="12.75" customHeight="1" x14ac:dyDescent="0.15">
      <c r="A12" s="2"/>
      <c r="C12" s="6"/>
      <c r="D12" s="6"/>
      <c r="E12" s="6"/>
      <c r="F12" s="6"/>
      <c r="G12" s="6"/>
      <c r="H12" s="6"/>
      <c r="R12" s="12"/>
    </row>
    <row r="13" spans="1:18" ht="15.75" customHeight="1" x14ac:dyDescent="0.15">
      <c r="A13" s="34" t="s">
        <v>21</v>
      </c>
      <c r="C13" s="41" t="s">
        <v>67</v>
      </c>
      <c r="D13" s="44" t="s">
        <v>52</v>
      </c>
      <c r="E13" s="45"/>
      <c r="F13" s="45"/>
      <c r="G13" s="45"/>
      <c r="H13" s="46"/>
      <c r="R13" s="12"/>
    </row>
    <row r="14" spans="1:18" ht="15.75" customHeight="1" x14ac:dyDescent="0.15">
      <c r="A14" s="35"/>
      <c r="C14" s="42"/>
      <c r="D14" s="44" t="s">
        <v>52</v>
      </c>
      <c r="E14" s="45"/>
      <c r="F14" s="45"/>
      <c r="G14" s="45"/>
      <c r="H14" s="46"/>
      <c r="R14" s="12"/>
    </row>
    <row r="15" spans="1:18" ht="15.75" customHeight="1" x14ac:dyDescent="0.15">
      <c r="A15" s="36"/>
      <c r="C15" s="43"/>
      <c r="D15" s="44" t="s">
        <v>52</v>
      </c>
      <c r="E15" s="45"/>
      <c r="F15" s="45"/>
      <c r="G15" s="45"/>
      <c r="H15" s="46"/>
      <c r="R15" s="12"/>
    </row>
    <row r="16" spans="1:18" ht="12.75" customHeight="1" x14ac:dyDescent="0.15">
      <c r="A16" s="3"/>
      <c r="C16" s="7"/>
      <c r="D16" s="7"/>
      <c r="E16" s="7"/>
      <c r="F16" s="7"/>
      <c r="G16" s="7"/>
      <c r="H16" s="7"/>
      <c r="R16" s="11"/>
    </row>
    <row r="17" spans="1:18" ht="15.75" customHeight="1" x14ac:dyDescent="0.15">
      <c r="A17" s="34" t="s">
        <v>11</v>
      </c>
      <c r="C17" s="37" t="s">
        <v>39</v>
      </c>
      <c r="D17" s="37"/>
      <c r="E17" s="37"/>
      <c r="F17" s="37"/>
      <c r="G17" s="37"/>
      <c r="H17" s="37"/>
      <c r="R17" s="12"/>
    </row>
    <row r="18" spans="1:18" ht="15.75" customHeight="1" x14ac:dyDescent="0.15">
      <c r="A18" s="35"/>
      <c r="C18" s="8" t="s">
        <v>41</v>
      </c>
      <c r="D18" s="8" t="s">
        <v>2</v>
      </c>
      <c r="E18" s="8" t="s">
        <v>34</v>
      </c>
      <c r="F18" s="8" t="s">
        <v>48</v>
      </c>
      <c r="G18" s="8" t="s">
        <v>22</v>
      </c>
      <c r="H18" s="8" t="s">
        <v>27</v>
      </c>
      <c r="R18" s="12"/>
    </row>
    <row r="19" spans="1:18" ht="18.75" customHeight="1" x14ac:dyDescent="0.15">
      <c r="A19" s="35"/>
      <c r="C19" s="38"/>
      <c r="D19" s="38"/>
      <c r="E19" s="38"/>
      <c r="F19" s="38"/>
      <c r="G19" s="39"/>
      <c r="H19" s="40"/>
      <c r="R19" s="12"/>
    </row>
    <row r="20" spans="1:18" ht="18.75" customHeight="1" x14ac:dyDescent="0.15">
      <c r="A20" s="35"/>
      <c r="C20" s="27"/>
      <c r="D20" s="27"/>
      <c r="E20" s="27"/>
      <c r="F20" s="27"/>
      <c r="G20" s="29"/>
      <c r="H20" s="31"/>
      <c r="R20" s="12"/>
    </row>
    <row r="21" spans="1:18" ht="18.75" customHeight="1" x14ac:dyDescent="0.15">
      <c r="A21" s="35"/>
      <c r="C21" s="27"/>
      <c r="D21" s="27"/>
      <c r="E21" s="27"/>
      <c r="F21" s="27"/>
      <c r="G21" s="29"/>
      <c r="H21" s="31"/>
      <c r="R21" s="12"/>
    </row>
    <row r="22" spans="1:18" ht="18.75" customHeight="1" x14ac:dyDescent="0.15">
      <c r="A22" s="35"/>
      <c r="C22" s="27"/>
      <c r="D22" s="27"/>
      <c r="E22" s="27"/>
      <c r="F22" s="27"/>
      <c r="G22" s="29"/>
      <c r="H22" s="31"/>
      <c r="R22" s="11"/>
    </row>
    <row r="23" spans="1:18" ht="18.75" customHeight="1" x14ac:dyDescent="0.15">
      <c r="A23" s="35"/>
      <c r="C23" s="27"/>
      <c r="D23" s="27"/>
      <c r="E23" s="27"/>
      <c r="F23" s="27"/>
      <c r="G23" s="29"/>
      <c r="H23" s="31"/>
      <c r="R23" s="12"/>
    </row>
    <row r="24" spans="1:18" ht="18.75" customHeight="1" x14ac:dyDescent="0.15">
      <c r="A24" s="36"/>
      <c r="C24" s="28"/>
      <c r="D24" s="28"/>
      <c r="E24" s="28"/>
      <c r="F24" s="28"/>
      <c r="G24" s="30"/>
      <c r="H24" s="32"/>
      <c r="R24" s="12"/>
    </row>
    <row r="25" spans="1:18" ht="15.75" customHeight="1" x14ac:dyDescent="0.15">
      <c r="A25" s="3"/>
      <c r="C25" s="16" t="s">
        <v>17</v>
      </c>
      <c r="D25" s="16" t="s">
        <v>17</v>
      </c>
      <c r="E25" s="16" t="s">
        <v>17</v>
      </c>
      <c r="F25" s="16" t="s">
        <v>17</v>
      </c>
      <c r="G25" s="16" t="s">
        <v>17</v>
      </c>
      <c r="H25" s="16" t="s">
        <v>17</v>
      </c>
      <c r="R25" s="12"/>
    </row>
    <row r="26" spans="1:18" ht="10.5" customHeight="1" x14ac:dyDescent="0.15">
      <c r="A26" s="3"/>
      <c r="C26" s="9"/>
      <c r="D26" s="9"/>
      <c r="E26" s="9"/>
      <c r="F26" s="9"/>
      <c r="G26" s="9"/>
      <c r="H26" s="9"/>
      <c r="K26" s="17" t="s">
        <v>55</v>
      </c>
      <c r="R26" s="12"/>
    </row>
    <row r="27" spans="1:18" ht="15.75" customHeight="1" x14ac:dyDescent="0.15">
      <c r="A27" s="3"/>
      <c r="C27" s="33" t="s">
        <v>17</v>
      </c>
      <c r="D27" s="33"/>
      <c r="E27" s="33" t="s">
        <v>17</v>
      </c>
      <c r="F27" s="33"/>
      <c r="G27" s="33" t="s">
        <v>17</v>
      </c>
      <c r="H27" s="33"/>
      <c r="R27" s="12"/>
    </row>
    <row r="28" spans="1:18" ht="15.75" customHeight="1" x14ac:dyDescent="0.15">
      <c r="A28" s="18" t="s">
        <v>15</v>
      </c>
      <c r="C28" s="19" t="s">
        <v>53</v>
      </c>
      <c r="D28" s="20"/>
      <c r="E28" s="19" t="s">
        <v>53</v>
      </c>
      <c r="F28" s="20"/>
      <c r="G28" s="19" t="s">
        <v>53</v>
      </c>
      <c r="H28" s="20"/>
      <c r="R28" s="11"/>
    </row>
    <row r="29" spans="1:18" ht="15.75" customHeight="1" x14ac:dyDescent="0.15">
      <c r="A29" s="18"/>
      <c r="C29" s="21"/>
      <c r="D29" s="22"/>
      <c r="E29" s="21"/>
      <c r="F29" s="22"/>
      <c r="G29" s="21"/>
      <c r="H29" s="22"/>
      <c r="R29" s="12"/>
    </row>
    <row r="30" spans="1:18" ht="15.75" customHeight="1" x14ac:dyDescent="0.15">
      <c r="A30" s="18"/>
      <c r="C30" s="21"/>
      <c r="D30" s="22"/>
      <c r="E30" s="21"/>
      <c r="F30" s="22"/>
      <c r="G30" s="21"/>
      <c r="H30" s="22"/>
      <c r="R30" s="12"/>
    </row>
    <row r="31" spans="1:18" ht="15.75" customHeight="1" x14ac:dyDescent="0.15">
      <c r="A31" s="18"/>
      <c r="C31" s="21"/>
      <c r="D31" s="22"/>
      <c r="E31" s="21"/>
      <c r="F31" s="22"/>
      <c r="G31" s="21"/>
      <c r="H31" s="22"/>
      <c r="R31" s="12"/>
    </row>
    <row r="32" spans="1:18" ht="15.75" customHeight="1" x14ac:dyDescent="0.15">
      <c r="A32" s="18"/>
      <c r="C32" s="21"/>
      <c r="D32" s="22"/>
      <c r="E32" s="21"/>
      <c r="F32" s="22"/>
      <c r="G32" s="21"/>
      <c r="H32" s="22"/>
      <c r="R32" s="12"/>
    </row>
    <row r="33" spans="1:18" ht="15.75" customHeight="1" x14ac:dyDescent="0.15">
      <c r="A33" s="18"/>
      <c r="C33" s="21"/>
      <c r="D33" s="22"/>
      <c r="E33" s="21"/>
      <c r="F33" s="22"/>
      <c r="G33" s="21"/>
      <c r="H33" s="22"/>
      <c r="R33" s="12"/>
    </row>
    <row r="34" spans="1:18" ht="15.75" customHeight="1" x14ac:dyDescent="0.15">
      <c r="A34" s="18"/>
      <c r="C34" s="23"/>
      <c r="D34" s="24"/>
      <c r="E34" s="23"/>
      <c r="F34" s="24"/>
      <c r="G34" s="23"/>
      <c r="H34" s="24"/>
    </row>
    <row r="35" spans="1:18" ht="15.75" customHeight="1" x14ac:dyDescent="0.15">
      <c r="A35" s="18"/>
      <c r="C35" s="25" t="s">
        <v>54</v>
      </c>
      <c r="D35" s="26"/>
      <c r="E35" s="25" t="s">
        <v>54</v>
      </c>
      <c r="F35" s="26"/>
      <c r="G35" s="25" t="s">
        <v>54</v>
      </c>
      <c r="H35" s="26"/>
    </row>
    <row r="36" spans="1:18" ht="15.75" customHeight="1" x14ac:dyDescent="0.15">
      <c r="A36" s="18"/>
      <c r="C36" s="26"/>
      <c r="D36" s="26"/>
      <c r="E36" s="26"/>
      <c r="F36" s="26"/>
      <c r="G36" s="26"/>
      <c r="H36" s="26"/>
    </row>
    <row r="37" spans="1:18" ht="20.25" customHeight="1" x14ac:dyDescent="0.15">
      <c r="A37" s="18"/>
      <c r="C37" s="26"/>
      <c r="D37" s="26"/>
      <c r="E37" s="26"/>
      <c r="F37" s="26"/>
      <c r="G37" s="26"/>
      <c r="H37" s="26"/>
    </row>
    <row r="38" spans="1:18" ht="15.75" customHeight="1" x14ac:dyDescent="0.15"/>
    <row r="39" spans="1:18" ht="15.75" customHeight="1" x14ac:dyDescent="0.15"/>
    <row r="40" spans="1:18" ht="15.75" customHeight="1" x14ac:dyDescent="0.15"/>
    <row r="41" spans="1:18" ht="15.75" customHeight="1" x14ac:dyDescent="0.15"/>
    <row r="42" spans="1:18" ht="15.75" customHeight="1" x14ac:dyDescent="0.15"/>
  </sheetData>
  <mergeCells count="45">
    <mergeCell ref="A1:H1"/>
    <mergeCell ref="G2:H2"/>
    <mergeCell ref="A4:A11"/>
    <mergeCell ref="C4:H4"/>
    <mergeCell ref="C6:C11"/>
    <mergeCell ref="D6:D11"/>
    <mergeCell ref="E6:E11"/>
    <mergeCell ref="F6:F11"/>
    <mergeCell ref="G6:G11"/>
    <mergeCell ref="H6:H11"/>
    <mergeCell ref="A13:A15"/>
    <mergeCell ref="C13:C15"/>
    <mergeCell ref="D13:H13"/>
    <mergeCell ref="D14:H14"/>
    <mergeCell ref="D15:H15"/>
    <mergeCell ref="A17:A24"/>
    <mergeCell ref="C17:H17"/>
    <mergeCell ref="C19:C20"/>
    <mergeCell ref="D19:D20"/>
    <mergeCell ref="E19:E20"/>
    <mergeCell ref="F19:F20"/>
    <mergeCell ref="G19:G20"/>
    <mergeCell ref="H19:H20"/>
    <mergeCell ref="C21:C22"/>
    <mergeCell ref="D21:D22"/>
    <mergeCell ref="E21:E22"/>
    <mergeCell ref="F21:F22"/>
    <mergeCell ref="G21:G22"/>
    <mergeCell ref="H21:H22"/>
    <mergeCell ref="C23:C24"/>
    <mergeCell ref="D23:D24"/>
    <mergeCell ref="E23:E24"/>
    <mergeCell ref="F23:F24"/>
    <mergeCell ref="G23:G24"/>
    <mergeCell ref="H23:H24"/>
    <mergeCell ref="C27:D27"/>
    <mergeCell ref="E27:F27"/>
    <mergeCell ref="G27:H27"/>
    <mergeCell ref="A28:A37"/>
    <mergeCell ref="C28:D34"/>
    <mergeCell ref="E28:F34"/>
    <mergeCell ref="G28:H34"/>
    <mergeCell ref="C35:D37"/>
    <mergeCell ref="E35:F37"/>
    <mergeCell ref="G35:H37"/>
  </mergeCells>
  <phoneticPr fontId="1"/>
  <pageMargins left="0.51181102362204722" right="0.51181102362204722" top="0.35433070866141736" bottom="0.35433070866141736" header="0.31496062992125984" footer="0.31496062992125984"/>
  <pageSetup paperSize="9" orientation="landscape" r:id="rId1"/>
  <drawing r:id="rId2"/>
  <extLst>
    <ext xmlns:x14="http://schemas.microsoft.com/office/spreadsheetml/2009/9/main" uri="{CCE6A557-97BC-4b89-ADB6-D9C93CAAB3DF}">
      <x14:dataValidations xmlns:xm="http://schemas.microsoft.com/office/excel/2006/main" count="6">
        <x14:dataValidation type="list" allowBlank="1" showInputMessage="1" showErrorMessage="1">
          <x14:formula1>
            <xm:f>'27項目'!$B$2:$B$6</xm:f>
          </x14:formula1>
          <xm:sqref>C19:C24</xm:sqref>
        </x14:dataValidation>
        <x14:dataValidation type="list" allowBlank="1" showInputMessage="1" showErrorMessage="1">
          <x14:formula1>
            <xm:f>'27項目'!$B$8:$B$10</xm:f>
          </x14:formula1>
          <xm:sqref>D19:D24</xm:sqref>
        </x14:dataValidation>
        <x14:dataValidation type="list" allowBlank="1" showInputMessage="1" showErrorMessage="1">
          <x14:formula1>
            <xm:f>'27項目'!$B$12:$B$15</xm:f>
          </x14:formula1>
          <xm:sqref>E19:E24</xm:sqref>
        </x14:dataValidation>
        <x14:dataValidation type="list" allowBlank="1" showInputMessage="1" showErrorMessage="1">
          <x14:formula1>
            <xm:f>'27項目'!$B$17:$B$21</xm:f>
          </x14:formula1>
          <xm:sqref>F19:F24</xm:sqref>
        </x14:dataValidation>
        <x14:dataValidation type="list" allowBlank="1" showInputMessage="1" showErrorMessage="1">
          <x14:formula1>
            <xm:f>'27項目'!$B$23:$B$27</xm:f>
          </x14:formula1>
          <xm:sqref>G19:G24</xm:sqref>
        </x14:dataValidation>
        <x14:dataValidation type="list" allowBlank="1" showInputMessage="1" showErrorMessage="1">
          <x14:formula1>
            <xm:f>'27項目'!$B$29:$B$33</xm:f>
          </x14:formula1>
          <xm:sqref>H19:H24</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42"/>
  <sheetViews>
    <sheetView tabSelected="1" workbookViewId="0">
      <selection activeCell="E39" sqref="E39"/>
    </sheetView>
  </sheetViews>
  <sheetFormatPr defaultRowHeight="13.5" x14ac:dyDescent="0.15"/>
  <cols>
    <col min="1" max="1" width="4.875" customWidth="1"/>
    <col min="2" max="2" width="3.125" customWidth="1"/>
    <col min="3" max="8" width="21.75" customWidth="1"/>
    <col min="9" max="9" width="3.875" customWidth="1"/>
    <col min="10" max="10" width="5.125" customWidth="1"/>
  </cols>
  <sheetData>
    <row r="1" spans="1:18" ht="15.75" customHeight="1" x14ac:dyDescent="0.15">
      <c r="C1" s="51" t="s">
        <v>68</v>
      </c>
      <c r="D1" s="51"/>
      <c r="E1" s="51"/>
      <c r="F1" s="51"/>
      <c r="G1" s="51"/>
      <c r="H1" s="51"/>
      <c r="R1" s="11"/>
    </row>
    <row r="2" spans="1:18" ht="15.75" customHeight="1" x14ac:dyDescent="0.15">
      <c r="A2" s="1" t="s">
        <v>28</v>
      </c>
      <c r="B2" s="1"/>
      <c r="C2" s="1"/>
      <c r="D2" s="1"/>
      <c r="E2" s="1"/>
      <c r="F2" s="1"/>
      <c r="G2" s="47" t="s">
        <v>3</v>
      </c>
      <c r="H2" s="47"/>
      <c r="R2" s="12"/>
    </row>
    <row r="3" spans="1:18" ht="12.75" customHeight="1" x14ac:dyDescent="0.15">
      <c r="C3" s="4"/>
      <c r="D3" s="4"/>
      <c r="E3" s="4"/>
      <c r="F3" s="4"/>
      <c r="G3" s="10"/>
      <c r="H3" s="10"/>
      <c r="R3" s="12"/>
    </row>
    <row r="4" spans="1:18" ht="15.75" customHeight="1" x14ac:dyDescent="0.15">
      <c r="A4" s="18" t="s">
        <v>43</v>
      </c>
      <c r="C4" s="37" t="s">
        <v>38</v>
      </c>
      <c r="D4" s="37"/>
      <c r="E4" s="37"/>
      <c r="F4" s="37"/>
      <c r="G4" s="37"/>
      <c r="H4" s="37"/>
      <c r="I4" s="1"/>
      <c r="R4" s="12"/>
    </row>
    <row r="5" spans="1:18" ht="15.75" customHeight="1" x14ac:dyDescent="0.15">
      <c r="A5" s="18"/>
      <c r="C5" s="5" t="s">
        <v>41</v>
      </c>
      <c r="D5" s="5" t="s">
        <v>2</v>
      </c>
      <c r="E5" s="5" t="s">
        <v>34</v>
      </c>
      <c r="F5" s="5" t="s">
        <v>48</v>
      </c>
      <c r="G5" s="5" t="s">
        <v>22</v>
      </c>
      <c r="H5" s="5" t="s">
        <v>27</v>
      </c>
      <c r="R5" s="12"/>
    </row>
    <row r="6" spans="1:18" ht="15.75" customHeight="1" x14ac:dyDescent="0.15">
      <c r="A6" s="18"/>
      <c r="C6" s="48" t="s">
        <v>58</v>
      </c>
      <c r="D6" s="52" t="s">
        <v>56</v>
      </c>
      <c r="E6" s="48" t="s">
        <v>57</v>
      </c>
      <c r="F6" s="48" t="s">
        <v>60</v>
      </c>
      <c r="G6" s="48" t="s">
        <v>59</v>
      </c>
      <c r="H6" s="48" t="s">
        <v>61</v>
      </c>
      <c r="R6" s="12"/>
    </row>
    <row r="7" spans="1:18" ht="15.75" customHeight="1" x14ac:dyDescent="0.15">
      <c r="A7" s="18"/>
      <c r="C7" s="49"/>
      <c r="D7" s="53"/>
      <c r="E7" s="49"/>
      <c r="F7" s="49"/>
      <c r="G7" s="49"/>
      <c r="H7" s="49"/>
      <c r="R7" s="11"/>
    </row>
    <row r="8" spans="1:18" ht="15.75" customHeight="1" x14ac:dyDescent="0.15">
      <c r="A8" s="18"/>
      <c r="C8" s="49"/>
      <c r="D8" s="53"/>
      <c r="E8" s="49"/>
      <c r="F8" s="49"/>
      <c r="G8" s="49"/>
      <c r="H8" s="49"/>
      <c r="R8" s="12"/>
    </row>
    <row r="9" spans="1:18" ht="15.75" customHeight="1" x14ac:dyDescent="0.15">
      <c r="A9" s="18"/>
      <c r="C9" s="49"/>
      <c r="D9" s="53"/>
      <c r="E9" s="49"/>
      <c r="F9" s="49"/>
      <c r="G9" s="49"/>
      <c r="H9" s="49"/>
      <c r="R9" s="12"/>
    </row>
    <row r="10" spans="1:18" ht="15.75" customHeight="1" x14ac:dyDescent="0.15">
      <c r="A10" s="18"/>
      <c r="C10" s="49"/>
      <c r="D10" s="53"/>
      <c r="E10" s="49"/>
      <c r="F10" s="49"/>
      <c r="G10" s="49"/>
      <c r="H10" s="49"/>
      <c r="R10" s="12"/>
    </row>
    <row r="11" spans="1:18" ht="15.75" customHeight="1" x14ac:dyDescent="0.15">
      <c r="A11" s="18"/>
      <c r="C11" s="50"/>
      <c r="D11" s="54"/>
      <c r="E11" s="50"/>
      <c r="F11" s="50"/>
      <c r="G11" s="50"/>
      <c r="H11" s="50"/>
      <c r="R11" s="11"/>
    </row>
    <row r="12" spans="1:18" ht="12.75" customHeight="1" x14ac:dyDescent="0.15">
      <c r="A12" s="2"/>
      <c r="C12" s="6"/>
      <c r="D12" s="6"/>
      <c r="E12" s="6"/>
      <c r="F12" s="6"/>
      <c r="G12" s="6"/>
      <c r="H12" s="6"/>
      <c r="R12" s="12"/>
    </row>
    <row r="13" spans="1:18" ht="15.75" customHeight="1" x14ac:dyDescent="0.15">
      <c r="A13" s="34" t="s">
        <v>21</v>
      </c>
      <c r="C13" s="41" t="s">
        <v>70</v>
      </c>
      <c r="D13" s="44" t="s">
        <v>69</v>
      </c>
      <c r="E13" s="45"/>
      <c r="F13" s="45"/>
      <c r="G13" s="45"/>
      <c r="H13" s="46"/>
      <c r="R13" s="12"/>
    </row>
    <row r="14" spans="1:18" ht="15.75" customHeight="1" x14ac:dyDescent="0.15">
      <c r="A14" s="35"/>
      <c r="C14" s="42"/>
      <c r="D14" s="44" t="s">
        <v>37</v>
      </c>
      <c r="E14" s="45"/>
      <c r="F14" s="45"/>
      <c r="G14" s="45"/>
      <c r="H14" s="46"/>
      <c r="R14" s="12"/>
    </row>
    <row r="15" spans="1:18" ht="15.75" customHeight="1" x14ac:dyDescent="0.15">
      <c r="A15" s="36"/>
      <c r="C15" s="43"/>
      <c r="D15" s="44" t="s">
        <v>33</v>
      </c>
      <c r="E15" s="45"/>
      <c r="F15" s="45"/>
      <c r="G15" s="45"/>
      <c r="H15" s="46"/>
      <c r="R15" s="12"/>
    </row>
    <row r="16" spans="1:18" ht="12.75" customHeight="1" x14ac:dyDescent="0.15">
      <c r="A16" s="3"/>
      <c r="C16" s="7"/>
      <c r="D16" s="7"/>
      <c r="E16" s="7"/>
      <c r="F16" s="7"/>
      <c r="G16" s="7"/>
      <c r="H16" s="7"/>
      <c r="R16" s="11"/>
    </row>
    <row r="17" spans="1:18" ht="15.75" customHeight="1" x14ac:dyDescent="0.15">
      <c r="A17" s="34" t="s">
        <v>11</v>
      </c>
      <c r="C17" s="37" t="s">
        <v>39</v>
      </c>
      <c r="D17" s="37"/>
      <c r="E17" s="37"/>
      <c r="F17" s="37"/>
      <c r="G17" s="37"/>
      <c r="H17" s="37"/>
      <c r="R17" s="12"/>
    </row>
    <row r="18" spans="1:18" ht="15.75" customHeight="1" x14ac:dyDescent="0.15">
      <c r="A18" s="35"/>
      <c r="C18" s="8" t="s">
        <v>41</v>
      </c>
      <c r="D18" s="8" t="s">
        <v>2</v>
      </c>
      <c r="E18" s="8" t="s">
        <v>34</v>
      </c>
      <c r="F18" s="8" t="s">
        <v>48</v>
      </c>
      <c r="G18" s="8" t="s">
        <v>22</v>
      </c>
      <c r="H18" s="8" t="s">
        <v>27</v>
      </c>
      <c r="R18" s="12"/>
    </row>
    <row r="19" spans="1:18" ht="18.75" customHeight="1" x14ac:dyDescent="0.15">
      <c r="A19" s="35"/>
      <c r="C19" s="38" t="s">
        <v>31</v>
      </c>
      <c r="D19" s="38" t="s">
        <v>26</v>
      </c>
      <c r="E19" s="38" t="s">
        <v>40</v>
      </c>
      <c r="F19" s="38" t="s">
        <v>24</v>
      </c>
      <c r="G19" s="39" t="s">
        <v>30</v>
      </c>
      <c r="H19" s="40" t="s">
        <v>14</v>
      </c>
      <c r="R19" s="12"/>
    </row>
    <row r="20" spans="1:18" ht="18.75" customHeight="1" x14ac:dyDescent="0.15">
      <c r="A20" s="35"/>
      <c r="C20" s="27"/>
      <c r="D20" s="27"/>
      <c r="E20" s="27"/>
      <c r="F20" s="27"/>
      <c r="G20" s="29"/>
      <c r="H20" s="31"/>
      <c r="R20" s="12"/>
    </row>
    <row r="21" spans="1:18" ht="18.75" customHeight="1" x14ac:dyDescent="0.15">
      <c r="A21" s="35"/>
      <c r="C21" s="27" t="s">
        <v>20</v>
      </c>
      <c r="D21" s="27" t="s">
        <v>25</v>
      </c>
      <c r="E21" s="27" t="s">
        <v>32</v>
      </c>
      <c r="F21" s="27" t="s">
        <v>1</v>
      </c>
      <c r="G21" s="29" t="s">
        <v>9</v>
      </c>
      <c r="H21" s="31" t="s">
        <v>0</v>
      </c>
      <c r="R21" s="12"/>
    </row>
    <row r="22" spans="1:18" ht="18.75" customHeight="1" x14ac:dyDescent="0.15">
      <c r="A22" s="35"/>
      <c r="C22" s="27"/>
      <c r="D22" s="27"/>
      <c r="E22" s="27"/>
      <c r="F22" s="27"/>
      <c r="G22" s="29"/>
      <c r="H22" s="31"/>
      <c r="R22" s="11"/>
    </row>
    <row r="23" spans="1:18" ht="18.75" customHeight="1" x14ac:dyDescent="0.15">
      <c r="A23" s="35"/>
      <c r="C23" s="27"/>
      <c r="D23" s="27"/>
      <c r="E23" s="27" t="s">
        <v>29</v>
      </c>
      <c r="F23" s="27" t="s">
        <v>35</v>
      </c>
      <c r="G23" s="29"/>
      <c r="H23" s="31" t="s">
        <v>7</v>
      </c>
      <c r="R23" s="12"/>
    </row>
    <row r="24" spans="1:18" ht="18.75" customHeight="1" x14ac:dyDescent="0.15">
      <c r="A24" s="36"/>
      <c r="C24" s="28"/>
      <c r="D24" s="28"/>
      <c r="E24" s="28"/>
      <c r="F24" s="28"/>
      <c r="G24" s="30"/>
      <c r="H24" s="32"/>
      <c r="R24" s="12"/>
    </row>
    <row r="25" spans="1:18" ht="15.75" customHeight="1" x14ac:dyDescent="0.15">
      <c r="A25" s="3"/>
      <c r="C25" s="16" t="s">
        <v>17</v>
      </c>
      <c r="D25" s="16" t="s">
        <v>17</v>
      </c>
      <c r="E25" s="16" t="s">
        <v>17</v>
      </c>
      <c r="F25" s="16" t="s">
        <v>17</v>
      </c>
      <c r="G25" s="16" t="s">
        <v>17</v>
      </c>
      <c r="H25" s="16" t="s">
        <v>17</v>
      </c>
      <c r="R25" s="12"/>
    </row>
    <row r="26" spans="1:18" ht="10.5" customHeight="1" x14ac:dyDescent="0.15">
      <c r="A26" s="3"/>
      <c r="C26" s="9"/>
      <c r="D26" s="9"/>
      <c r="E26" s="9"/>
      <c r="F26" s="9"/>
      <c r="G26" s="9"/>
      <c r="H26" s="9"/>
      <c r="R26" s="12"/>
    </row>
    <row r="27" spans="1:18" ht="15.75" customHeight="1" x14ac:dyDescent="0.15">
      <c r="A27" s="3"/>
      <c r="C27" s="33" t="s">
        <v>17</v>
      </c>
      <c r="D27" s="33"/>
      <c r="E27" s="33" t="s">
        <v>17</v>
      </c>
      <c r="F27" s="33"/>
      <c r="G27" s="33" t="s">
        <v>17</v>
      </c>
      <c r="H27" s="33"/>
      <c r="R27" s="12"/>
    </row>
    <row r="28" spans="1:18" ht="15.75" customHeight="1" x14ac:dyDescent="0.15">
      <c r="A28" s="18" t="s">
        <v>15</v>
      </c>
      <c r="C28" s="19" t="s">
        <v>71</v>
      </c>
      <c r="D28" s="20"/>
      <c r="E28" s="19" t="s">
        <v>62</v>
      </c>
      <c r="F28" s="20"/>
      <c r="G28" s="19" t="s">
        <v>63</v>
      </c>
      <c r="H28" s="20"/>
      <c r="R28" s="11"/>
    </row>
    <row r="29" spans="1:18" ht="15.75" customHeight="1" x14ac:dyDescent="0.15">
      <c r="A29" s="18"/>
      <c r="C29" s="21"/>
      <c r="D29" s="22"/>
      <c r="E29" s="21"/>
      <c r="F29" s="22"/>
      <c r="G29" s="21"/>
      <c r="H29" s="22"/>
      <c r="R29" s="12"/>
    </row>
    <row r="30" spans="1:18" ht="15.75" customHeight="1" x14ac:dyDescent="0.15">
      <c r="A30" s="18"/>
      <c r="C30" s="21"/>
      <c r="D30" s="22"/>
      <c r="E30" s="21"/>
      <c r="F30" s="22"/>
      <c r="G30" s="21"/>
      <c r="H30" s="22"/>
      <c r="R30" s="12"/>
    </row>
    <row r="31" spans="1:18" ht="15.75" customHeight="1" x14ac:dyDescent="0.15">
      <c r="A31" s="18"/>
      <c r="C31" s="21"/>
      <c r="D31" s="22"/>
      <c r="E31" s="21"/>
      <c r="F31" s="22"/>
      <c r="G31" s="21"/>
      <c r="H31" s="22"/>
      <c r="R31" s="12"/>
    </row>
    <row r="32" spans="1:18" ht="15.75" customHeight="1" x14ac:dyDescent="0.15">
      <c r="A32" s="18"/>
      <c r="C32" s="21"/>
      <c r="D32" s="22"/>
      <c r="E32" s="21"/>
      <c r="F32" s="22"/>
      <c r="G32" s="21"/>
      <c r="H32" s="22"/>
      <c r="R32" s="12"/>
    </row>
    <row r="33" spans="1:18" ht="15.75" customHeight="1" x14ac:dyDescent="0.15">
      <c r="A33" s="18"/>
      <c r="C33" s="21"/>
      <c r="D33" s="22"/>
      <c r="E33" s="21"/>
      <c r="F33" s="22"/>
      <c r="G33" s="21"/>
      <c r="H33" s="22"/>
      <c r="R33" s="12"/>
    </row>
    <row r="34" spans="1:18" ht="15.75" customHeight="1" x14ac:dyDescent="0.15">
      <c r="A34" s="18"/>
      <c r="C34" s="23"/>
      <c r="D34" s="24"/>
      <c r="E34" s="23"/>
      <c r="F34" s="24"/>
      <c r="G34" s="23"/>
      <c r="H34" s="24"/>
    </row>
    <row r="35" spans="1:18" ht="15.75" customHeight="1" x14ac:dyDescent="0.15">
      <c r="A35" s="18"/>
      <c r="C35" s="25" t="s">
        <v>12</v>
      </c>
      <c r="D35" s="26"/>
      <c r="E35" s="25" t="s">
        <v>65</v>
      </c>
      <c r="F35" s="26"/>
      <c r="G35" s="25" t="s">
        <v>64</v>
      </c>
      <c r="H35" s="26"/>
    </row>
    <row r="36" spans="1:18" ht="15.75" customHeight="1" x14ac:dyDescent="0.15">
      <c r="A36" s="18"/>
      <c r="C36" s="26"/>
      <c r="D36" s="26"/>
      <c r="E36" s="26"/>
      <c r="F36" s="26"/>
      <c r="G36" s="26"/>
      <c r="H36" s="26"/>
    </row>
    <row r="37" spans="1:18" ht="21.75" customHeight="1" x14ac:dyDescent="0.15">
      <c r="A37" s="18"/>
      <c r="C37" s="26"/>
      <c r="D37" s="26"/>
      <c r="E37" s="26"/>
      <c r="F37" s="26"/>
      <c r="G37" s="26"/>
      <c r="H37" s="26"/>
    </row>
    <row r="38" spans="1:18" ht="15.75" customHeight="1" x14ac:dyDescent="0.15"/>
    <row r="39" spans="1:18" ht="15.75" customHeight="1" x14ac:dyDescent="0.15"/>
    <row r="40" spans="1:18" ht="15.75" customHeight="1" x14ac:dyDescent="0.15"/>
    <row r="41" spans="1:18" ht="15.75" customHeight="1" x14ac:dyDescent="0.15"/>
    <row r="42" spans="1:18" ht="15.75" customHeight="1" x14ac:dyDescent="0.15"/>
  </sheetData>
  <mergeCells count="45">
    <mergeCell ref="C1:H1"/>
    <mergeCell ref="G2:H2"/>
    <mergeCell ref="A4:A11"/>
    <mergeCell ref="C4:H4"/>
    <mergeCell ref="C6:C11"/>
    <mergeCell ref="D6:D11"/>
    <mergeCell ref="E6:E11"/>
    <mergeCell ref="F6:F11"/>
    <mergeCell ref="G6:G11"/>
    <mergeCell ref="H6:H11"/>
    <mergeCell ref="A13:A15"/>
    <mergeCell ref="C13:C15"/>
    <mergeCell ref="D13:H13"/>
    <mergeCell ref="D14:H14"/>
    <mergeCell ref="D15:H15"/>
    <mergeCell ref="A17:A24"/>
    <mergeCell ref="C17:H17"/>
    <mergeCell ref="C19:C20"/>
    <mergeCell ref="D19:D20"/>
    <mergeCell ref="E19:E20"/>
    <mergeCell ref="F19:F20"/>
    <mergeCell ref="G19:G20"/>
    <mergeCell ref="H19:H20"/>
    <mergeCell ref="C21:C22"/>
    <mergeCell ref="D21:D22"/>
    <mergeCell ref="E21:E22"/>
    <mergeCell ref="F21:F22"/>
    <mergeCell ref="G21:G22"/>
    <mergeCell ref="H21:H22"/>
    <mergeCell ref="C23:C24"/>
    <mergeCell ref="D23:D24"/>
    <mergeCell ref="E23:E24"/>
    <mergeCell ref="F23:F24"/>
    <mergeCell ref="G23:G24"/>
    <mergeCell ref="H23:H24"/>
    <mergeCell ref="C27:D27"/>
    <mergeCell ref="E27:F27"/>
    <mergeCell ref="G27:H27"/>
    <mergeCell ref="A28:A37"/>
    <mergeCell ref="C28:D34"/>
    <mergeCell ref="E28:F34"/>
    <mergeCell ref="G28:H34"/>
    <mergeCell ref="C35:D37"/>
    <mergeCell ref="E35:F37"/>
    <mergeCell ref="G35:H37"/>
  </mergeCells>
  <phoneticPr fontId="1"/>
  <pageMargins left="0.51181102362204722" right="0.51181102362204722" top="0.35433070866141736" bottom="0.35433070866141736" header="0.31496062992125984" footer="0.31496062992125984"/>
  <pageSetup paperSize="9" orientation="landscape" r:id="rId1"/>
  <drawing r:id="rId2"/>
  <extLst>
    <ext xmlns:x14="http://schemas.microsoft.com/office/spreadsheetml/2009/9/main" uri="{CCE6A557-97BC-4b89-ADB6-D9C93CAAB3DF}">
      <x14:dataValidations xmlns:xm="http://schemas.microsoft.com/office/excel/2006/main" count="6">
        <x14:dataValidation type="list" allowBlank="1" showInputMessage="1" showErrorMessage="1">
          <x14:formula1>
            <xm:f>'27項目'!$B$2:$B$6</xm:f>
          </x14:formula1>
          <xm:sqref>C19:C24</xm:sqref>
        </x14:dataValidation>
        <x14:dataValidation type="list" allowBlank="1" showInputMessage="1" showErrorMessage="1">
          <x14:formula1>
            <xm:f>'27項目'!$B$8:$B$10</xm:f>
          </x14:formula1>
          <xm:sqref>D19:D24</xm:sqref>
        </x14:dataValidation>
        <x14:dataValidation type="list" allowBlank="1" showInputMessage="1" showErrorMessage="1">
          <x14:formula1>
            <xm:f>'27項目'!$B$12:$B$15</xm:f>
          </x14:formula1>
          <xm:sqref>E19:E24</xm:sqref>
        </x14:dataValidation>
        <x14:dataValidation type="list" allowBlank="1" showInputMessage="1" showErrorMessage="1">
          <x14:formula1>
            <xm:f>'27項目'!$B$17:$B$21</xm:f>
          </x14:formula1>
          <xm:sqref>F19:F24</xm:sqref>
        </x14:dataValidation>
        <x14:dataValidation type="list" allowBlank="1" showInputMessage="1" showErrorMessage="1">
          <x14:formula1>
            <xm:f>'27項目'!$B$23:$B$27</xm:f>
          </x14:formula1>
          <xm:sqref>G19:G24</xm:sqref>
        </x14:dataValidation>
        <x14:dataValidation type="list" allowBlank="1" showInputMessage="1" showErrorMessage="1">
          <x14:formula1>
            <xm:f>'27項目'!$B$29:$B$33</xm:f>
          </x14:formula1>
          <xm:sqref>H19:H24</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3"/>
  <sheetViews>
    <sheetView workbookViewId="0">
      <selection activeCell="L8" sqref="L8"/>
    </sheetView>
  </sheetViews>
  <sheetFormatPr defaultRowHeight="13.5" x14ac:dyDescent="0.15"/>
  <sheetData>
    <row r="1" spans="1:8" x14ac:dyDescent="0.15">
      <c r="A1" s="55" t="s">
        <v>42</v>
      </c>
      <c r="B1" s="55"/>
      <c r="C1" s="55"/>
      <c r="D1" s="55"/>
      <c r="E1" s="11"/>
      <c r="F1" s="11"/>
      <c r="G1" s="11"/>
      <c r="H1" s="11"/>
    </row>
    <row r="2" spans="1:8" x14ac:dyDescent="0.15">
      <c r="A2" s="37">
        <v>1</v>
      </c>
      <c r="B2" s="13" t="s">
        <v>31</v>
      </c>
      <c r="C2" s="14"/>
      <c r="D2" s="14"/>
      <c r="E2" s="14"/>
      <c r="F2" s="14"/>
      <c r="G2" s="14"/>
      <c r="H2" s="15"/>
    </row>
    <row r="3" spans="1:8" x14ac:dyDescent="0.15">
      <c r="A3" s="37"/>
      <c r="B3" s="13" t="s">
        <v>10</v>
      </c>
      <c r="C3" s="14"/>
      <c r="D3" s="14"/>
      <c r="E3" s="14"/>
      <c r="F3" s="14"/>
      <c r="G3" s="14"/>
      <c r="H3" s="15"/>
    </row>
    <row r="4" spans="1:8" x14ac:dyDescent="0.15">
      <c r="A4" s="37"/>
      <c r="B4" s="13" t="s">
        <v>6</v>
      </c>
      <c r="C4" s="14"/>
      <c r="D4" s="14"/>
      <c r="E4" s="14"/>
      <c r="F4" s="14"/>
      <c r="G4" s="14"/>
      <c r="H4" s="15"/>
    </row>
    <row r="5" spans="1:8" x14ac:dyDescent="0.15">
      <c r="A5" s="37"/>
      <c r="B5" s="13" t="s">
        <v>36</v>
      </c>
      <c r="C5" s="14"/>
      <c r="D5" s="14"/>
      <c r="E5" s="14"/>
      <c r="F5" s="14"/>
      <c r="G5" s="14"/>
      <c r="H5" s="15"/>
    </row>
    <row r="6" spans="1:8" x14ac:dyDescent="0.15">
      <c r="A6" s="37"/>
      <c r="B6" s="13" t="s">
        <v>20</v>
      </c>
      <c r="C6" s="14"/>
      <c r="D6" s="14"/>
      <c r="E6" s="14"/>
      <c r="F6" s="14"/>
      <c r="G6" s="14"/>
      <c r="H6" s="15"/>
    </row>
    <row r="7" spans="1:8" x14ac:dyDescent="0.15">
      <c r="A7" s="57" t="s">
        <v>45</v>
      </c>
      <c r="B7" s="55"/>
      <c r="C7" s="55"/>
      <c r="D7" s="55"/>
      <c r="E7" s="11"/>
      <c r="F7" s="11"/>
      <c r="G7" s="11"/>
      <c r="H7" s="11"/>
    </row>
    <row r="8" spans="1:8" x14ac:dyDescent="0.15">
      <c r="A8" s="37">
        <v>2</v>
      </c>
      <c r="B8" s="13" t="s">
        <v>26</v>
      </c>
      <c r="C8" s="14"/>
      <c r="D8" s="14"/>
      <c r="E8" s="14"/>
      <c r="F8" s="14"/>
      <c r="G8" s="14"/>
      <c r="H8" s="15"/>
    </row>
    <row r="9" spans="1:8" x14ac:dyDescent="0.15">
      <c r="A9" s="37"/>
      <c r="B9" s="13" t="s">
        <v>25</v>
      </c>
      <c r="C9" s="14"/>
      <c r="D9" s="14"/>
      <c r="E9" s="14"/>
      <c r="F9" s="14"/>
      <c r="G9" s="14"/>
      <c r="H9" s="15"/>
    </row>
    <row r="10" spans="1:8" x14ac:dyDescent="0.15">
      <c r="A10" s="37"/>
      <c r="B10" s="13" t="s">
        <v>50</v>
      </c>
      <c r="C10" s="14"/>
      <c r="D10" s="14"/>
      <c r="E10" s="14"/>
      <c r="F10" s="14"/>
      <c r="G10" s="14"/>
      <c r="H10" s="15"/>
    </row>
    <row r="11" spans="1:8" x14ac:dyDescent="0.15">
      <c r="A11" s="55" t="s">
        <v>13</v>
      </c>
      <c r="B11" s="55"/>
      <c r="C11" s="55"/>
      <c r="D11" s="55"/>
      <c r="E11" s="11"/>
      <c r="F11" s="11"/>
      <c r="G11" s="11"/>
      <c r="H11" s="11"/>
    </row>
    <row r="12" spans="1:8" x14ac:dyDescent="0.15">
      <c r="A12" s="56">
        <v>3</v>
      </c>
      <c r="B12" s="14" t="s">
        <v>40</v>
      </c>
      <c r="C12" s="14"/>
      <c r="D12" s="14"/>
      <c r="E12" s="14"/>
      <c r="F12" s="14"/>
      <c r="G12" s="14"/>
      <c r="H12" s="15"/>
    </row>
    <row r="13" spans="1:8" x14ac:dyDescent="0.15">
      <c r="A13" s="37"/>
      <c r="B13" s="13" t="s">
        <v>32</v>
      </c>
      <c r="C13" s="14"/>
      <c r="D13" s="14"/>
      <c r="E13" s="14"/>
      <c r="F13" s="14"/>
      <c r="G13" s="14"/>
      <c r="H13" s="15"/>
    </row>
    <row r="14" spans="1:8" x14ac:dyDescent="0.15">
      <c r="A14" s="37"/>
      <c r="B14" s="13" t="s">
        <v>4</v>
      </c>
      <c r="C14" s="14"/>
      <c r="D14" s="14"/>
      <c r="E14" s="14"/>
      <c r="F14" s="14"/>
      <c r="G14" s="14"/>
      <c r="H14" s="15"/>
    </row>
    <row r="15" spans="1:8" x14ac:dyDescent="0.15">
      <c r="A15" s="37"/>
      <c r="B15" s="13" t="s">
        <v>29</v>
      </c>
      <c r="C15" s="14"/>
      <c r="D15" s="14"/>
      <c r="E15" s="14"/>
      <c r="F15" s="14"/>
      <c r="G15" s="14"/>
      <c r="H15" s="15"/>
    </row>
    <row r="16" spans="1:8" x14ac:dyDescent="0.15">
      <c r="A16" s="55" t="s">
        <v>47</v>
      </c>
      <c r="B16" s="55"/>
      <c r="C16" s="55"/>
      <c r="D16" s="55"/>
      <c r="E16" s="11"/>
      <c r="F16" s="11"/>
      <c r="G16" s="11"/>
      <c r="H16" s="11"/>
    </row>
    <row r="17" spans="1:8" x14ac:dyDescent="0.15">
      <c r="A17" s="37">
        <v>4</v>
      </c>
      <c r="B17" s="13" t="s">
        <v>49</v>
      </c>
      <c r="C17" s="14"/>
      <c r="D17" s="14"/>
      <c r="E17" s="14"/>
      <c r="F17" s="14"/>
      <c r="G17" s="14"/>
      <c r="H17" s="15"/>
    </row>
    <row r="18" spans="1:8" x14ac:dyDescent="0.15">
      <c r="A18" s="37"/>
      <c r="B18" s="13" t="s">
        <v>24</v>
      </c>
      <c r="C18" s="14"/>
      <c r="D18" s="14"/>
      <c r="E18" s="14"/>
      <c r="F18" s="14"/>
      <c r="G18" s="14"/>
      <c r="H18" s="15"/>
    </row>
    <row r="19" spans="1:8" x14ac:dyDescent="0.15">
      <c r="A19" s="37"/>
      <c r="B19" s="13" t="s">
        <v>44</v>
      </c>
      <c r="C19" s="14"/>
      <c r="D19" s="14"/>
      <c r="E19" s="14"/>
      <c r="F19" s="14"/>
      <c r="G19" s="14"/>
      <c r="H19" s="15"/>
    </row>
    <row r="20" spans="1:8" x14ac:dyDescent="0.15">
      <c r="A20" s="37"/>
      <c r="B20" s="13" t="s">
        <v>1</v>
      </c>
      <c r="C20" s="14"/>
      <c r="D20" s="14"/>
      <c r="E20" s="14"/>
      <c r="F20" s="14"/>
      <c r="G20" s="14"/>
      <c r="H20" s="15"/>
    </row>
    <row r="21" spans="1:8" x14ac:dyDescent="0.15">
      <c r="A21" s="37"/>
      <c r="B21" s="13" t="s">
        <v>35</v>
      </c>
      <c r="C21" s="14"/>
      <c r="D21" s="14"/>
      <c r="E21" s="14"/>
      <c r="F21" s="14"/>
      <c r="G21" s="14"/>
      <c r="H21" s="15"/>
    </row>
    <row r="22" spans="1:8" x14ac:dyDescent="0.15">
      <c r="A22" s="55" t="s">
        <v>18</v>
      </c>
      <c r="B22" s="55"/>
      <c r="C22" s="55"/>
      <c r="D22" s="55"/>
      <c r="E22" s="11"/>
      <c r="F22" s="11"/>
      <c r="G22" s="11"/>
      <c r="H22" s="11"/>
    </row>
    <row r="23" spans="1:8" x14ac:dyDescent="0.15">
      <c r="A23" s="56">
        <v>5</v>
      </c>
      <c r="B23" s="13" t="s">
        <v>30</v>
      </c>
      <c r="C23" s="14"/>
      <c r="D23" s="14"/>
      <c r="E23" s="14"/>
      <c r="F23" s="14"/>
      <c r="G23" s="14"/>
      <c r="H23" s="15"/>
    </row>
    <row r="24" spans="1:8" x14ac:dyDescent="0.15">
      <c r="A24" s="56"/>
      <c r="B24" s="13" t="s">
        <v>16</v>
      </c>
      <c r="C24" s="14"/>
      <c r="D24" s="14"/>
      <c r="E24" s="14"/>
      <c r="F24" s="14"/>
      <c r="G24" s="14"/>
      <c r="H24" s="15"/>
    </row>
    <row r="25" spans="1:8" x14ac:dyDescent="0.15">
      <c r="A25" s="56"/>
      <c r="B25" s="13" t="s">
        <v>23</v>
      </c>
      <c r="C25" s="14"/>
      <c r="D25" s="14"/>
      <c r="E25" s="14"/>
      <c r="F25" s="14"/>
      <c r="G25" s="14"/>
      <c r="H25" s="15"/>
    </row>
    <row r="26" spans="1:8" x14ac:dyDescent="0.15">
      <c r="A26" s="56"/>
      <c r="B26" s="13" t="s">
        <v>46</v>
      </c>
      <c r="C26" s="14"/>
      <c r="D26" s="14"/>
      <c r="E26" s="14"/>
      <c r="F26" s="14"/>
      <c r="G26" s="14"/>
      <c r="H26" s="15"/>
    </row>
    <row r="27" spans="1:8" x14ac:dyDescent="0.15">
      <c r="A27" s="56"/>
      <c r="B27" s="13" t="s">
        <v>9</v>
      </c>
      <c r="C27" s="14"/>
      <c r="D27" s="14"/>
      <c r="E27" s="14"/>
      <c r="F27" s="14"/>
      <c r="G27" s="14"/>
      <c r="H27" s="15"/>
    </row>
    <row r="28" spans="1:8" x14ac:dyDescent="0.15">
      <c r="A28" s="55" t="s">
        <v>5</v>
      </c>
      <c r="B28" s="55"/>
      <c r="C28" s="55"/>
      <c r="D28" s="55"/>
      <c r="E28" s="11"/>
      <c r="F28" s="11"/>
      <c r="G28" s="11"/>
      <c r="H28" s="11"/>
    </row>
    <row r="29" spans="1:8" x14ac:dyDescent="0.15">
      <c r="A29" s="56">
        <v>6</v>
      </c>
      <c r="B29" s="13" t="s">
        <v>8</v>
      </c>
      <c r="C29" s="14"/>
      <c r="D29" s="14"/>
      <c r="E29" s="14"/>
      <c r="F29" s="14"/>
      <c r="G29" s="14"/>
      <c r="H29" s="15"/>
    </row>
    <row r="30" spans="1:8" x14ac:dyDescent="0.15">
      <c r="A30" s="56"/>
      <c r="B30" s="13" t="s">
        <v>14</v>
      </c>
      <c r="C30" s="14"/>
      <c r="D30" s="14"/>
      <c r="E30" s="14"/>
      <c r="F30" s="14"/>
      <c r="G30" s="14"/>
      <c r="H30" s="15"/>
    </row>
    <row r="31" spans="1:8" x14ac:dyDescent="0.15">
      <c r="A31" s="56"/>
      <c r="B31" s="13" t="s">
        <v>0</v>
      </c>
      <c r="C31" s="14"/>
      <c r="D31" s="14"/>
      <c r="E31" s="14"/>
      <c r="F31" s="14"/>
      <c r="G31" s="14"/>
      <c r="H31" s="15"/>
    </row>
    <row r="32" spans="1:8" x14ac:dyDescent="0.15">
      <c r="A32" s="56"/>
      <c r="B32" s="13" t="s">
        <v>19</v>
      </c>
      <c r="C32" s="14"/>
      <c r="D32" s="14"/>
      <c r="E32" s="14"/>
      <c r="F32" s="14"/>
      <c r="G32" s="14"/>
      <c r="H32" s="15"/>
    </row>
    <row r="33" spans="1:8" x14ac:dyDescent="0.15">
      <c r="A33" s="56"/>
      <c r="B33" s="13" t="s">
        <v>7</v>
      </c>
      <c r="C33" s="14"/>
      <c r="D33" s="14"/>
      <c r="E33" s="14"/>
      <c r="F33" s="14"/>
      <c r="G33" s="14"/>
      <c r="H33" s="15"/>
    </row>
  </sheetData>
  <mergeCells count="12">
    <mergeCell ref="A1:D1"/>
    <mergeCell ref="A2:A6"/>
    <mergeCell ref="A7:D7"/>
    <mergeCell ref="A8:A10"/>
    <mergeCell ref="A11:D11"/>
    <mergeCell ref="A28:D28"/>
    <mergeCell ref="A29:A33"/>
    <mergeCell ref="A12:A15"/>
    <mergeCell ref="A16:D16"/>
    <mergeCell ref="A17:A21"/>
    <mergeCell ref="A22:D22"/>
    <mergeCell ref="A23:A27"/>
  </mergeCells>
  <phoneticPr fontId="1" type="Hiragana"/>
  <pageMargins left="0.78740157480314954" right="0.78740157480314954" top="0.98425196850393704" bottom="0.98425196850393704" header="0.51181102362204722" footer="0.51181102362204722"/>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記入用</vt:lpstr>
      <vt:lpstr>記入例</vt:lpstr>
      <vt:lpstr>27項目</vt:lpstr>
      <vt:lpstr>記入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竹中　正彦</cp:lastModifiedBy>
  <cp:lastPrinted>2021-04-01T02:46:04Z</cp:lastPrinted>
  <dcterms:created xsi:type="dcterms:W3CDTF">2016-05-24T18:05:11Z</dcterms:created>
  <dcterms:modified xsi:type="dcterms:W3CDTF">2022-03-04T07:45:23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1.4.9.0</vt:lpwstr>
    </vt:vector>
  </property>
  <property fmtid="{DCFEDD21-7773-49B2-8022-6FC58DB5260B}" pid="3" name="LastSavedVersion">
    <vt:lpwstr>1.4.9.0</vt:lpwstr>
  </property>
  <property fmtid="{DCFEDD21-7773-49B2-8022-6FC58DB5260B}" pid="4" name="LastSavedDate">
    <vt:filetime>2019-04-10T07:55:11Z</vt:filetime>
  </property>
</Properties>
</file>